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\s1575\12_環境衛生G\16_建築物衛生法\10_登録申請（名簿はココ）\一覧掲載\R7.10\02_起案\今回データ\"/>
    </mc:Choice>
  </mc:AlternateContent>
  <xr:revisionPtr revIDLastSave="0" documentId="8_{A468D3DB-948C-48F5-AA47-4E96E17C8F26}" xr6:coauthVersionLast="47" xr6:coauthVersionMax="47" xr10:uidLastSave="{00000000-0000-0000-0000-000000000000}"/>
  <bookViews>
    <workbookView xWindow="-108" yWindow="-108" windowWidth="23256" windowHeight="13896" xr2:uid="{CE34C94A-780D-4BC4-AFB6-D142DECB3C8B}"/>
  </bookViews>
  <sheets>
    <sheet name="１号(清)登録" sheetId="1" r:id="rId1"/>
  </sheets>
  <definedNames>
    <definedName name="_xlnm.Print_Area" localSheetId="0">'１号(清)登録'!$A$2:$E$93</definedName>
    <definedName name="_xlnm.Print_Titles" localSheetId="0">'１号(清)登録'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66" uniqueCount="450">
  <si>
    <t>海老名市中央２－４－８ ニコービル５F</t>
  </si>
  <si>
    <t>243-0432</t>
  </si>
  <si>
    <t>046-292-1505</t>
  </si>
  <si>
    <t>イオンディライト(株)　相模支店</t>
  </si>
  <si>
    <t>神奈川県R７清第２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茅ヶ崎市茅ヶ崎233－５</t>
    <rPh sb="0" eb="4">
      <t>チガサキシ</t>
    </rPh>
    <rPh sb="4" eb="7">
      <t>チガサキ</t>
    </rPh>
    <phoneticPr fontId="1"/>
  </si>
  <si>
    <t>253-0041</t>
  </si>
  <si>
    <t>0467-54-6660</t>
  </si>
  <si>
    <t>(株)愛ビルサービス</t>
    <rPh sb="3" eb="4">
      <t>アイ</t>
    </rPh>
    <phoneticPr fontId="1"/>
  </si>
  <si>
    <t>神奈川県R７清第１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藤沢市辻堂新町三丁目４番６号</t>
    <rPh sb="0" eb="2">
      <t>フジサワ</t>
    </rPh>
    <rPh sb="2" eb="3">
      <t>シ</t>
    </rPh>
    <rPh sb="3" eb="7">
      <t>ツジドウシンマチ</t>
    </rPh>
    <rPh sb="7" eb="8">
      <t>サン</t>
    </rPh>
    <rPh sb="8" eb="10">
      <t>チョウメ</t>
    </rPh>
    <rPh sb="11" eb="12">
      <t>バン</t>
    </rPh>
    <rPh sb="13" eb="14">
      <t>ゴウ</t>
    </rPh>
    <phoneticPr fontId="1"/>
  </si>
  <si>
    <t>251-0042</t>
  </si>
  <si>
    <t>0466-90-5310</t>
  </si>
  <si>
    <t>(株)ティ・エフ・シー</t>
  </si>
  <si>
    <t>神奈川県R６清第８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横須賀市内川一丁目２番21号</t>
    <rPh sb="0" eb="4">
      <t>ヨコスカシ</t>
    </rPh>
    <rPh sb="4" eb="6">
      <t>ウチカワ</t>
    </rPh>
    <rPh sb="6" eb="9">
      <t>イッチョウメ</t>
    </rPh>
    <rPh sb="10" eb="11">
      <t>バン</t>
    </rPh>
    <rPh sb="13" eb="14">
      <t>ゴウ</t>
    </rPh>
    <phoneticPr fontId="1"/>
  </si>
  <si>
    <t>239-0836</t>
  </si>
  <si>
    <t>046-884-4737</t>
  </si>
  <si>
    <t>(株)エアー</t>
  </si>
  <si>
    <t>神奈川県R６清第７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平塚市岡崎3096－13</t>
    <rPh sb="0" eb="3">
      <t>ヒラツカシ</t>
    </rPh>
    <rPh sb="3" eb="5">
      <t>オカザキ</t>
    </rPh>
    <phoneticPr fontId="1"/>
  </si>
  <si>
    <t>259-1212</t>
  </si>
  <si>
    <t>(046)281-9110</t>
  </si>
  <si>
    <t>(株)ＧＺＯＫ</t>
  </si>
  <si>
    <t>神奈川県R６清第６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足柄下郡真鶴町岩874－184</t>
  </si>
  <si>
    <t>259-0202</t>
  </si>
  <si>
    <t>0465-20-6585</t>
  </si>
  <si>
    <t>西湘(株)</t>
  </si>
  <si>
    <t>神奈川県R６清第５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小田原市栄町１丁目14番48号　ジャンボーナックビル９階</t>
  </si>
  <si>
    <t>250-0011</t>
  </si>
  <si>
    <t>0465-46-7427</t>
  </si>
  <si>
    <t>(有)ソーケンテック</t>
    <rPh sb="1" eb="2">
      <t>ユウ</t>
    </rPh>
    <phoneticPr fontId="1"/>
  </si>
  <si>
    <t>神奈川県R６清第４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足柄下郡箱根町湯本４８－１　エスポワール湯本１０２号室</t>
  </si>
  <si>
    <t>250-0311</t>
  </si>
  <si>
    <t>011-596-0545</t>
  </si>
  <si>
    <t>(合)ＣＬＥＳＩＡ　箱根営業所</t>
    <rPh sb="1" eb="2">
      <t>ゴウ</t>
    </rPh>
    <phoneticPr fontId="1"/>
  </si>
  <si>
    <t>神奈川県R６清第３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横須賀市光の丘３番２号　ＹＲＰセンター２番館１階</t>
    <rPh sb="0" eb="4">
      <t>ヨコスカシ</t>
    </rPh>
    <rPh sb="4" eb="5">
      <t>ヒカリ</t>
    </rPh>
    <rPh sb="6" eb="7">
      <t>オカ</t>
    </rPh>
    <rPh sb="8" eb="9">
      <t>バン</t>
    </rPh>
    <rPh sb="10" eb="11">
      <t>ゴウ</t>
    </rPh>
    <rPh sb="20" eb="21">
      <t>バン</t>
    </rPh>
    <rPh sb="21" eb="22">
      <t>カン</t>
    </rPh>
    <rPh sb="23" eb="24">
      <t>カイ</t>
    </rPh>
    <phoneticPr fontId="1"/>
  </si>
  <si>
    <t>243-0401</t>
  </si>
  <si>
    <t>046-847-6001</t>
  </si>
  <si>
    <t>京急サービス(株)　横須賀支店</t>
    <rPh sb="0" eb="2">
      <t>ケイキュウ</t>
    </rPh>
    <rPh sb="10" eb="13">
      <t>ヨコスカ</t>
    </rPh>
    <rPh sb="13" eb="15">
      <t>シテン</t>
    </rPh>
    <phoneticPr fontId="1"/>
  </si>
  <si>
    <t>神奈川県R６清第２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海老名市東柏ケ谷3－10－16</t>
  </si>
  <si>
    <t>046-232-5930</t>
  </si>
  <si>
    <t>(株)OZ</t>
  </si>
  <si>
    <t>神奈川県R６清第１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大和市福田１－２－１　プレステージ湘南２０３</t>
  </si>
  <si>
    <t>242-0024</t>
  </si>
  <si>
    <t>046-206-7085</t>
  </si>
  <si>
    <t>(株)アイワ</t>
    <rPh sb="0" eb="3">
      <t>カブ</t>
    </rPh>
    <phoneticPr fontId="1"/>
  </si>
  <si>
    <t>神奈川県R５清第５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大和市上和田１８２４－３８　プラザドゥディーンA３０８</t>
  </si>
  <si>
    <t>242-0014</t>
  </si>
  <si>
    <t>046-206-7034</t>
  </si>
  <si>
    <t>(株)サカモト　神奈川支店</t>
    <rPh sb="0" eb="3">
      <t>カブ</t>
    </rPh>
    <phoneticPr fontId="1"/>
  </si>
  <si>
    <t>神奈川県R５清第４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海老名市河原口二丁目２番38号</t>
    <rPh sb="0" eb="4">
      <t>エビナシ</t>
    </rPh>
    <rPh sb="4" eb="7">
      <t>カワラグチ</t>
    </rPh>
    <rPh sb="7" eb="10">
      <t>ニチョウメ</t>
    </rPh>
    <rPh sb="11" eb="12">
      <t>バン</t>
    </rPh>
    <rPh sb="14" eb="15">
      <t>ゴウ</t>
    </rPh>
    <phoneticPr fontId="1"/>
  </si>
  <si>
    <t>243-0043</t>
  </si>
  <si>
    <t>046-234-3308</t>
  </si>
  <si>
    <t>(株)エヌ・アール・シー</t>
    <rPh sb="0" eb="3">
      <t>カブ</t>
    </rPh>
    <phoneticPr fontId="1"/>
  </si>
  <si>
    <t>神奈川県R５清第３号</t>
    <rPh sb="0" eb="4">
      <t>カナガワケン</t>
    </rPh>
    <rPh sb="6" eb="7">
      <t>キヨシ</t>
    </rPh>
    <rPh sb="7" eb="8">
      <t>ダイ</t>
    </rPh>
    <rPh sb="9" eb="10">
      <t>ゴウ</t>
    </rPh>
    <phoneticPr fontId="1"/>
  </si>
  <si>
    <t>茅ケ崎市茅ケ崎233番地５</t>
    <rPh sb="0" eb="4">
      <t>チガサキシ</t>
    </rPh>
    <rPh sb="4" eb="7">
      <t>チガサキ</t>
    </rPh>
    <rPh sb="10" eb="12">
      <t>バンチ</t>
    </rPh>
    <phoneticPr fontId="1"/>
  </si>
  <si>
    <t>(株)アットロジ　茅ヶ崎支店</t>
    <rPh sb="0" eb="3">
      <t>カブシキガイシャ</t>
    </rPh>
    <rPh sb="9" eb="12">
      <t>チガサキ</t>
    </rPh>
    <rPh sb="12" eb="14">
      <t>シテン</t>
    </rPh>
    <phoneticPr fontId="1"/>
  </si>
  <si>
    <t>神奈川県R５清第２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小田原市板橋２８６</t>
    <rPh sb="0" eb="4">
      <t>オダワラシ</t>
    </rPh>
    <rPh sb="4" eb="6">
      <t>イタバシ</t>
    </rPh>
    <phoneticPr fontId="1"/>
  </si>
  <si>
    <t>250-0034</t>
  </si>
  <si>
    <t>0465-23-4100</t>
  </si>
  <si>
    <t>(株)ジェイ・ユー・エス　早川支店</t>
    <rPh sb="0" eb="3">
      <t>カブ</t>
    </rPh>
    <rPh sb="13" eb="15">
      <t>ハヤカワ</t>
    </rPh>
    <rPh sb="15" eb="17">
      <t>シテン</t>
    </rPh>
    <phoneticPr fontId="1"/>
  </si>
  <si>
    <t>神奈川県R５清第１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横須賀市森崎一丁目５番１号</t>
  </si>
  <si>
    <t>238-0023</t>
  </si>
  <si>
    <t>(046)835-4511</t>
  </si>
  <si>
    <t>(株)シークリスタル管財</t>
    <rPh sb="0" eb="3">
      <t>カブ</t>
    </rPh>
    <rPh sb="10" eb="12">
      <t>カンザイ</t>
    </rPh>
    <phoneticPr fontId="1"/>
  </si>
  <si>
    <t>神奈川県R４清第９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藤沢市石川三丁目25番地の１メゾンド湘南101号</t>
    <rPh sb="0" eb="3">
      <t>フジサワシ</t>
    </rPh>
    <rPh sb="3" eb="5">
      <t>イシカワ</t>
    </rPh>
    <rPh sb="5" eb="8">
      <t>サンチョウメ</t>
    </rPh>
    <rPh sb="10" eb="12">
      <t>バンチ</t>
    </rPh>
    <rPh sb="18" eb="20">
      <t>ショウナン</t>
    </rPh>
    <rPh sb="23" eb="24">
      <t>ゴウ</t>
    </rPh>
    <phoneticPr fontId="1"/>
  </si>
  <si>
    <t>252-0815</t>
  </si>
  <si>
    <t>(0466)53-9396</t>
  </si>
  <si>
    <t>(株)ミネポート</t>
    <rPh sb="0" eb="3">
      <t>カブ</t>
    </rPh>
    <phoneticPr fontId="1"/>
  </si>
  <si>
    <t>神奈川県R４清第８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綾瀬市大上一丁目７番38号</t>
  </si>
  <si>
    <t>252-1104</t>
  </si>
  <si>
    <t>(0467)77-2222</t>
  </si>
  <si>
    <t>(株)ネエチア</t>
    <rPh sb="0" eb="3">
      <t>カブ</t>
    </rPh>
    <phoneticPr fontId="1"/>
  </si>
  <si>
    <t>神奈川県R４清第７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小田原市飯泉216－1</t>
  </si>
  <si>
    <t>250-0863</t>
  </si>
  <si>
    <t>（0465）45-0531</t>
  </si>
  <si>
    <t>(株)エコシステム</t>
    <rPh sb="0" eb="3">
      <t>カブ</t>
    </rPh>
    <phoneticPr fontId="1"/>
  </si>
  <si>
    <t>神奈川県R４清第６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足柄下郡湯河原町中央２－６－１４</t>
  </si>
  <si>
    <t>259-0301</t>
  </si>
  <si>
    <t>(0465)62-6262</t>
  </si>
  <si>
    <t>(株)謙心</t>
    <rPh sb="0" eb="3">
      <t>カブ</t>
    </rPh>
    <rPh sb="3" eb="5">
      <t>ケンシン</t>
    </rPh>
    <phoneticPr fontId="1"/>
  </si>
  <si>
    <t>神奈川県R４清第５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伊勢原市伊勢原２丁目５番39号</t>
    <rPh sb="8" eb="10">
      <t>チョウメ</t>
    </rPh>
    <rPh sb="11" eb="12">
      <t>バン</t>
    </rPh>
    <rPh sb="14" eb="15">
      <t>ゴウ</t>
    </rPh>
    <phoneticPr fontId="1"/>
  </si>
  <si>
    <t>259-1131</t>
  </si>
  <si>
    <t>（0463）93-3141</t>
  </si>
  <si>
    <t>井田興業（株）</t>
    <rPh sb="0" eb="2">
      <t>イダ</t>
    </rPh>
    <rPh sb="2" eb="4">
      <t>コウギョウ</t>
    </rPh>
    <rPh sb="4" eb="7">
      <t>カブ</t>
    </rPh>
    <phoneticPr fontId="1"/>
  </si>
  <si>
    <t>神奈川県R４清第４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藤沢市湘南台三丁目16番地３</t>
    <rPh sb="0" eb="3">
      <t>フジサワシ</t>
    </rPh>
    <rPh sb="3" eb="6">
      <t>ショウナンダイ</t>
    </rPh>
    <rPh sb="6" eb="9">
      <t>サンチョウメ</t>
    </rPh>
    <rPh sb="11" eb="13">
      <t>バンチ</t>
    </rPh>
    <phoneticPr fontId="1"/>
  </si>
  <si>
    <t>252-0804</t>
  </si>
  <si>
    <t>(0466)53-8420</t>
  </si>
  <si>
    <t>Ｃ．ＮＥＴ(株)</t>
    <rPh sb="5" eb="8">
      <t>カブ</t>
    </rPh>
    <phoneticPr fontId="1"/>
  </si>
  <si>
    <t>神奈川県R４清第３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足柄下郡箱根町仙石原４４５－３－１０２</t>
  </si>
  <si>
    <t>250-0631</t>
  </si>
  <si>
    <t>(0460)83-8900</t>
  </si>
  <si>
    <t>(株)ホテルクリーンサービス箱根</t>
    <rPh sb="0" eb="3">
      <t>カブ</t>
    </rPh>
    <phoneticPr fontId="1"/>
  </si>
  <si>
    <t>神奈川県R４清第２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横須賀市日の出町一丁目16番地ハイネス横須賀中央805号</t>
    <rPh sb="0" eb="4">
      <t>ヨコスカシ</t>
    </rPh>
    <rPh sb="4" eb="5">
      <t>ヒ</t>
    </rPh>
    <rPh sb="6" eb="8">
      <t>デチョウ</t>
    </rPh>
    <rPh sb="8" eb="11">
      <t>イッチョウメ</t>
    </rPh>
    <rPh sb="13" eb="15">
      <t>バンチ</t>
    </rPh>
    <rPh sb="19" eb="24">
      <t>ヨコスカチュウオウ</t>
    </rPh>
    <rPh sb="27" eb="28">
      <t>ゴウ</t>
    </rPh>
    <phoneticPr fontId="1"/>
  </si>
  <si>
    <t>238-0006</t>
  </si>
  <si>
    <t>(046)822-4741</t>
  </si>
  <si>
    <t>(株)みなとライフサービス</t>
    <rPh sb="0" eb="3">
      <t>カブシキガイシャ</t>
    </rPh>
    <phoneticPr fontId="1"/>
  </si>
  <si>
    <t>神奈川県R４清第１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秦野市堀川247番地の３</t>
    <rPh sb="0" eb="3">
      <t>ハダノシ</t>
    </rPh>
    <rPh sb="3" eb="5">
      <t>ホリカワ</t>
    </rPh>
    <rPh sb="8" eb="10">
      <t>バンチ</t>
    </rPh>
    <phoneticPr fontId="1"/>
  </si>
  <si>
    <t>259-1305</t>
  </si>
  <si>
    <t>(0463)87-6743</t>
  </si>
  <si>
    <t>相模ビルサービス(株)</t>
    <rPh sb="0" eb="2">
      <t>サガミ</t>
    </rPh>
    <rPh sb="8" eb="11">
      <t>カブ</t>
    </rPh>
    <phoneticPr fontId="1"/>
  </si>
  <si>
    <t>神奈川県R３清第３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愛甲郡愛川町中津4061番地10－５－533</t>
  </si>
  <si>
    <t>243-0303</t>
  </si>
  <si>
    <t>（046）286-2434</t>
  </si>
  <si>
    <t>(有)内陸商事</t>
    <rPh sb="0" eb="3">
      <t>ユウゲンガイシャ</t>
    </rPh>
    <rPh sb="3" eb="5">
      <t>ナイリク</t>
    </rPh>
    <rPh sb="5" eb="7">
      <t>ショウジ</t>
    </rPh>
    <phoneticPr fontId="1"/>
  </si>
  <si>
    <t>神奈川県R３清第１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厚木市旭町1－33－5　本多ビル3F</t>
  </si>
  <si>
    <t>243-0014</t>
  </si>
  <si>
    <t>(046）281-8118</t>
  </si>
  <si>
    <t>(株)ＴＳＣ</t>
    <rPh sb="0" eb="3">
      <t>カブ</t>
    </rPh>
    <phoneticPr fontId="1"/>
  </si>
  <si>
    <t>神奈川県R２清第６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横須賀市上町三丁目53番地１Ｆ</t>
  </si>
  <si>
    <t>238-0017</t>
  </si>
  <si>
    <t>(045)828-3901</t>
  </si>
  <si>
    <t>(株)ＦＭＳ</t>
    <rPh sb="0" eb="3">
      <t>カブ</t>
    </rPh>
    <phoneticPr fontId="1"/>
  </si>
  <si>
    <t>神奈川県R２清第５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平塚市山下492－４</t>
  </si>
  <si>
    <t>254-0911</t>
  </si>
  <si>
    <t>(090)3576-7632</t>
  </si>
  <si>
    <t>(株)ネイション</t>
    <rPh sb="0" eb="3">
      <t>カブ</t>
    </rPh>
    <phoneticPr fontId="1"/>
  </si>
  <si>
    <t>神奈川県R２清第４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南足柄市竹松1223</t>
  </si>
  <si>
    <t>250-0111</t>
  </si>
  <si>
    <t>055-78-6200</t>
  </si>
  <si>
    <t>(有)駿河ビル管理</t>
    <rPh sb="0" eb="3">
      <t>ユウ</t>
    </rPh>
    <rPh sb="3" eb="5">
      <t>スルガ</t>
    </rPh>
    <rPh sb="7" eb="9">
      <t>カンリ</t>
    </rPh>
    <phoneticPr fontId="1"/>
  </si>
  <si>
    <t>神奈川県R２清第３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大和市中央林間八丁目６番１号</t>
  </si>
  <si>
    <t>242-0007</t>
  </si>
  <si>
    <t>（046）277-7150</t>
  </si>
  <si>
    <t>(株)ユーアイ</t>
    <rPh sb="0" eb="3">
      <t>カブ</t>
    </rPh>
    <phoneticPr fontId="1"/>
  </si>
  <si>
    <t>神奈川県R２清第２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平塚市横内4147番地の３</t>
    <rPh sb="9" eb="11">
      <t>バンチ</t>
    </rPh>
    <phoneticPr fontId="1"/>
  </si>
  <si>
    <t>254-0002</t>
  </si>
  <si>
    <t>(0463)68-5270</t>
  </si>
  <si>
    <t>合同会社H.Kサービス</t>
    <rPh sb="0" eb="2">
      <t>ゴウドウ</t>
    </rPh>
    <rPh sb="2" eb="4">
      <t>ガイシャ</t>
    </rPh>
    <phoneticPr fontId="1"/>
  </si>
  <si>
    <t>神奈川県R２清第１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座間市入谷東三丁目31番地17</t>
  </si>
  <si>
    <t>252-0028</t>
  </si>
  <si>
    <t>（046）259-6194</t>
  </si>
  <si>
    <t>合同会社大成産業</t>
    <rPh sb="0" eb="2">
      <t>ゴウドウ</t>
    </rPh>
    <rPh sb="2" eb="4">
      <t>ガイシャ</t>
    </rPh>
    <rPh sb="4" eb="6">
      <t>ダイセイ</t>
    </rPh>
    <rPh sb="6" eb="8">
      <t>サンギョウ</t>
    </rPh>
    <phoneticPr fontId="1"/>
  </si>
  <si>
    <t>神奈川県31清第５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小田原市本町１丁目13番６号</t>
    <rPh sb="0" eb="4">
      <t>オダワラシ</t>
    </rPh>
    <rPh sb="4" eb="6">
      <t>ホンチョウ</t>
    </rPh>
    <rPh sb="7" eb="9">
      <t>チョウメ</t>
    </rPh>
    <rPh sb="11" eb="12">
      <t>バン</t>
    </rPh>
    <rPh sb="13" eb="14">
      <t>ゴウ</t>
    </rPh>
    <phoneticPr fontId="1"/>
  </si>
  <si>
    <t>250-0012</t>
  </si>
  <si>
    <t>(0465)23-4537</t>
  </si>
  <si>
    <t>(株)東海ホテルメンテナス</t>
    <rPh sb="0" eb="3">
      <t>カブ</t>
    </rPh>
    <rPh sb="3" eb="5">
      <t>トウカイ</t>
    </rPh>
    <phoneticPr fontId="1"/>
  </si>
  <si>
    <t>神奈川県31清第４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横須賀市大矢部二丁目７番20号</t>
  </si>
  <si>
    <t>238-0024</t>
  </si>
  <si>
    <t>(046)874-9631</t>
  </si>
  <si>
    <t>(株)リビングカラーコーポレーション</t>
    <rPh sb="0" eb="3">
      <t>カブシキガイシャ</t>
    </rPh>
    <phoneticPr fontId="1"/>
  </si>
  <si>
    <t>神奈川県31清第３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足柄下郡箱根町湯本茶屋211番地</t>
    <rPh sb="0" eb="4">
      <t>アシガラシモグン</t>
    </rPh>
    <rPh sb="4" eb="7">
      <t>ハコネマチ</t>
    </rPh>
    <rPh sb="7" eb="9">
      <t>ユモト</t>
    </rPh>
    <rPh sb="9" eb="11">
      <t>チャヤ</t>
    </rPh>
    <rPh sb="14" eb="16">
      <t>バンチ</t>
    </rPh>
    <phoneticPr fontId="1"/>
  </si>
  <si>
    <t>250-0312</t>
  </si>
  <si>
    <t>(0460)85-6271</t>
  </si>
  <si>
    <t>奥湯本観光(株)</t>
    <rPh sb="0" eb="1">
      <t>オク</t>
    </rPh>
    <rPh sb="1" eb="3">
      <t>ユモト</t>
    </rPh>
    <rPh sb="3" eb="5">
      <t>カンコウ</t>
    </rPh>
    <rPh sb="5" eb="8">
      <t>カブ</t>
    </rPh>
    <phoneticPr fontId="1"/>
  </si>
  <si>
    <t>神奈川県31清第２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小田原市高田148-5</t>
    <rPh sb="0" eb="4">
      <t>オダワラシ</t>
    </rPh>
    <rPh sb="4" eb="6">
      <t>タカダ</t>
    </rPh>
    <phoneticPr fontId="1"/>
  </si>
  <si>
    <t>250-0216</t>
  </si>
  <si>
    <t>(0465)43-7536</t>
  </si>
  <si>
    <t>(株)SPEEZ</t>
    <rPh sb="0" eb="3">
      <t>カブ</t>
    </rPh>
    <phoneticPr fontId="1"/>
  </si>
  <si>
    <t>神奈川県30清第６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厚木市上荻野285番地の１</t>
    <rPh sb="0" eb="3">
      <t>アツギシ</t>
    </rPh>
    <rPh sb="3" eb="6">
      <t>カミオギノ</t>
    </rPh>
    <rPh sb="9" eb="11">
      <t>バンチ</t>
    </rPh>
    <phoneticPr fontId="1"/>
  </si>
  <si>
    <t>243-0201</t>
  </si>
  <si>
    <t>（046）241-1203</t>
  </si>
  <si>
    <t>和光商事(株)</t>
    <rPh sb="0" eb="2">
      <t>ワコウ</t>
    </rPh>
    <rPh sb="2" eb="4">
      <t>ショウジ</t>
    </rPh>
    <rPh sb="4" eb="7">
      <t>カブ</t>
    </rPh>
    <phoneticPr fontId="1"/>
  </si>
  <si>
    <t>神奈川県30清第５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厚木市岡田3175番地</t>
    <rPh sb="0" eb="3">
      <t>アツギシ</t>
    </rPh>
    <rPh sb="3" eb="5">
      <t>オカダ</t>
    </rPh>
    <rPh sb="9" eb="11">
      <t>バンチ</t>
    </rPh>
    <phoneticPr fontId="1"/>
  </si>
  <si>
    <t>243-0021</t>
  </si>
  <si>
    <t>（046）229-2370</t>
  </si>
  <si>
    <t>(株)セレカサービス</t>
    <rPh sb="0" eb="3">
      <t>カブ</t>
    </rPh>
    <phoneticPr fontId="1"/>
  </si>
  <si>
    <t>神奈川県30清第３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高座郡寒川町大曲二丁目８番14号</t>
    <rPh sb="0" eb="2">
      <t>コウザ</t>
    </rPh>
    <rPh sb="2" eb="3">
      <t>グン</t>
    </rPh>
    <rPh sb="3" eb="6">
      <t>サムカワマチ</t>
    </rPh>
    <rPh sb="6" eb="8">
      <t>オオマガリ</t>
    </rPh>
    <rPh sb="8" eb="11">
      <t>ニチョウメ</t>
    </rPh>
    <rPh sb="12" eb="13">
      <t>バン</t>
    </rPh>
    <rPh sb="15" eb="16">
      <t>ゴウ</t>
    </rPh>
    <phoneticPr fontId="1"/>
  </si>
  <si>
    <t>253-0045</t>
  </si>
  <si>
    <t>（0467）91-5712</t>
  </si>
  <si>
    <t>(株)ＳＫサービス</t>
    <rPh sb="0" eb="3">
      <t>カブ</t>
    </rPh>
    <phoneticPr fontId="1"/>
  </si>
  <si>
    <t>神奈川県30清第１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大和市つきみ野一丁目１番地７-401</t>
  </si>
  <si>
    <t>242-0002</t>
  </si>
  <si>
    <t>(046)211-9000</t>
  </si>
  <si>
    <t>(株)コスコ</t>
  </si>
  <si>
    <t>神奈川県29清第２号</t>
    <rPh sb="0" eb="4">
      <t>カナガワケン</t>
    </rPh>
    <rPh sb="6" eb="7">
      <t>キヨ</t>
    </rPh>
    <rPh sb="7" eb="8">
      <t>ダイ</t>
    </rPh>
    <rPh sb="9" eb="10">
      <t>ゴウ</t>
    </rPh>
    <phoneticPr fontId="1"/>
  </si>
  <si>
    <t>寒川町一之宮四丁目１１番32号</t>
    <rPh sb="0" eb="3">
      <t>サムカワマチ</t>
    </rPh>
    <rPh sb="3" eb="6">
      <t>イチノミヤ</t>
    </rPh>
    <rPh sb="6" eb="9">
      <t>４チョウメ</t>
    </rPh>
    <rPh sb="11" eb="12">
      <t>バン</t>
    </rPh>
    <rPh sb="14" eb="15">
      <t>ゴウ</t>
    </rPh>
    <phoneticPr fontId="1"/>
  </si>
  <si>
    <t>253-0111</t>
  </si>
  <si>
    <t>（0467)75-0070</t>
  </si>
  <si>
    <t>(有)寒川公衆衛生社</t>
    <rPh sb="0" eb="3">
      <t>ユウゲンガイシャ</t>
    </rPh>
    <rPh sb="3" eb="5">
      <t>サムカワ</t>
    </rPh>
    <rPh sb="5" eb="7">
      <t>コウシュウ</t>
    </rPh>
    <rPh sb="7" eb="9">
      <t>エイセイ</t>
    </rPh>
    <rPh sb="9" eb="10">
      <t>シャ</t>
    </rPh>
    <phoneticPr fontId="1"/>
  </si>
  <si>
    <t>神奈川県28清第１号</t>
    <rPh sb="0" eb="4">
      <t>カナガワケン</t>
    </rPh>
    <rPh sb="6" eb="7">
      <t>キヨ</t>
    </rPh>
    <rPh sb="7" eb="8">
      <t>ダイ</t>
    </rPh>
    <rPh sb="9" eb="10">
      <t>ゴウ</t>
    </rPh>
    <phoneticPr fontId="1"/>
  </si>
  <si>
    <t>小田原市飯泉1396番地 １</t>
    <rPh sb="0" eb="4">
      <t>オダワラシ</t>
    </rPh>
    <rPh sb="4" eb="6">
      <t>イイズミ</t>
    </rPh>
    <rPh sb="10" eb="12">
      <t>バンチ</t>
    </rPh>
    <phoneticPr fontId="1"/>
  </si>
  <si>
    <t>(0465）36-5615</t>
  </si>
  <si>
    <t>相模洋洗（株）</t>
    <rPh sb="0" eb="2">
      <t>サガミ</t>
    </rPh>
    <rPh sb="2" eb="3">
      <t>ヨウ</t>
    </rPh>
    <rPh sb="3" eb="4">
      <t>アラ</t>
    </rPh>
    <rPh sb="5" eb="6">
      <t>カブ</t>
    </rPh>
    <phoneticPr fontId="1"/>
  </si>
  <si>
    <t>神奈川県27清第２号</t>
    <rPh sb="0" eb="4">
      <t>カナガワケン</t>
    </rPh>
    <rPh sb="6" eb="7">
      <t>キヨ</t>
    </rPh>
    <rPh sb="7" eb="8">
      <t>ダイ</t>
    </rPh>
    <rPh sb="9" eb="10">
      <t>ゴウ</t>
    </rPh>
    <phoneticPr fontId="1"/>
  </si>
  <si>
    <t>厚木市下荻野644番地</t>
    <rPh sb="0" eb="3">
      <t>アツギシ</t>
    </rPh>
    <rPh sb="3" eb="6">
      <t>シモオギノ</t>
    </rPh>
    <rPh sb="9" eb="11">
      <t>バンチ</t>
    </rPh>
    <phoneticPr fontId="1"/>
  </si>
  <si>
    <t>243-0203</t>
  </si>
  <si>
    <t>(046)241-3403</t>
  </si>
  <si>
    <t>朝日テクノサービス(株)</t>
    <rPh sb="0" eb="2">
      <t>アサヒ</t>
    </rPh>
    <rPh sb="9" eb="12">
      <t>カブ</t>
    </rPh>
    <phoneticPr fontId="1"/>
  </si>
  <si>
    <t>神奈川県25清第６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小田原市風祭７２－１</t>
    <rPh sb="0" eb="4">
      <t>オダワラシ</t>
    </rPh>
    <rPh sb="4" eb="6">
      <t>カザマツリ</t>
    </rPh>
    <phoneticPr fontId="1"/>
  </si>
  <si>
    <t>250-0032</t>
  </si>
  <si>
    <t>(0465)23-0948</t>
  </si>
  <si>
    <t>(有)アメニティサービス</t>
    <rPh sb="0" eb="3">
      <t>ユウゲンガイシャ</t>
    </rPh>
    <phoneticPr fontId="1"/>
  </si>
  <si>
    <t>神奈川県25清第３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座間市相武台一丁目35番13号相武台パークホームズ205</t>
    <rPh sb="3" eb="6">
      <t>ソウブダイ</t>
    </rPh>
    <rPh sb="6" eb="7">
      <t>イチ</t>
    </rPh>
    <rPh sb="7" eb="9">
      <t>チョウメ</t>
    </rPh>
    <rPh sb="11" eb="12">
      <t>バン</t>
    </rPh>
    <rPh sb="14" eb="15">
      <t>ゴウ</t>
    </rPh>
    <rPh sb="15" eb="18">
      <t>ソウブダイ</t>
    </rPh>
    <phoneticPr fontId="1"/>
  </si>
  <si>
    <t>252-0011</t>
  </si>
  <si>
    <t>（046）256-5567</t>
  </si>
  <si>
    <t>オフィスクリーンサービス</t>
  </si>
  <si>
    <t>神奈川県25清第１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藤沢市大庭５４３３－６</t>
  </si>
  <si>
    <t>251-0861</t>
  </si>
  <si>
    <t>(0466)88-5777</t>
  </si>
  <si>
    <t>(株)フィットアップ</t>
  </si>
  <si>
    <t>神奈川県24清第３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厚木市温水1542番地</t>
    <rPh sb="0" eb="3">
      <t>アツギシ</t>
    </rPh>
    <rPh sb="3" eb="4">
      <t>アタタ</t>
    </rPh>
    <rPh sb="4" eb="5">
      <t>ミズ</t>
    </rPh>
    <rPh sb="9" eb="11">
      <t>バンチ</t>
    </rPh>
    <phoneticPr fontId="1"/>
  </si>
  <si>
    <t>243-0033</t>
  </si>
  <si>
    <t>（046)244-4431</t>
  </si>
  <si>
    <t>(株)永友</t>
    <rPh sb="0" eb="3">
      <t>カブ</t>
    </rPh>
    <rPh sb="3" eb="5">
      <t>ナガトモ</t>
    </rPh>
    <phoneticPr fontId="1"/>
  </si>
  <si>
    <t>神奈川県24清第２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大和市中央四丁目４番５号　麻布貿易ビル301号</t>
    <rPh sb="3" eb="5">
      <t>チュウオウ</t>
    </rPh>
    <rPh sb="5" eb="8">
      <t>ヨンチョウメ</t>
    </rPh>
    <rPh sb="9" eb="10">
      <t>バン</t>
    </rPh>
    <rPh sb="11" eb="12">
      <t>ゴウ</t>
    </rPh>
    <rPh sb="13" eb="15">
      <t>アザブ</t>
    </rPh>
    <rPh sb="15" eb="17">
      <t>ボウエキ</t>
    </rPh>
    <rPh sb="22" eb="23">
      <t>ゴウ</t>
    </rPh>
    <phoneticPr fontId="1"/>
  </si>
  <si>
    <t>242-0021</t>
  </si>
  <si>
    <t>046-260-1197</t>
  </si>
  <si>
    <t>(株)天秤美装</t>
    <rPh sb="0" eb="3">
      <t>カブ</t>
    </rPh>
    <rPh sb="3" eb="5">
      <t>テンビン</t>
    </rPh>
    <rPh sb="5" eb="7">
      <t>ビソウ</t>
    </rPh>
    <phoneticPr fontId="1"/>
  </si>
  <si>
    <t>神奈川県23清第８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小田原市成田511－４　グリーンコートＩ－101号</t>
    <rPh sb="0" eb="4">
      <t>オダワラシ</t>
    </rPh>
    <rPh sb="4" eb="6">
      <t>ナリタ</t>
    </rPh>
    <rPh sb="24" eb="25">
      <t>ゴウ</t>
    </rPh>
    <phoneticPr fontId="1"/>
  </si>
  <si>
    <t>250-0862</t>
  </si>
  <si>
    <t>(0465)39-1109</t>
  </si>
  <si>
    <t>(株)小田原ブショー</t>
    <rPh sb="0" eb="3">
      <t>カブ</t>
    </rPh>
    <rPh sb="3" eb="6">
      <t>オダワラ</t>
    </rPh>
    <phoneticPr fontId="1"/>
  </si>
  <si>
    <t>神奈川県23清第７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厚木市水引二丁目２番１号</t>
    <rPh sb="0" eb="3">
      <t>アツギシ</t>
    </rPh>
    <rPh sb="5" eb="6">
      <t>ニ</t>
    </rPh>
    <rPh sb="6" eb="8">
      <t>チョウメ</t>
    </rPh>
    <rPh sb="9" eb="10">
      <t>バン</t>
    </rPh>
    <rPh sb="11" eb="12">
      <t>ゴウ</t>
    </rPh>
    <phoneticPr fontId="1"/>
  </si>
  <si>
    <t>243-0004</t>
  </si>
  <si>
    <t>（046）224-3000</t>
  </si>
  <si>
    <t>秋山商事(株)　厚木支店</t>
    <rPh sb="0" eb="2">
      <t>アキヤマ</t>
    </rPh>
    <rPh sb="2" eb="4">
      <t>ショウジ</t>
    </rPh>
    <rPh sb="4" eb="7">
      <t>カブシキガイシャ</t>
    </rPh>
    <rPh sb="8" eb="10">
      <t>アツギ</t>
    </rPh>
    <rPh sb="10" eb="12">
      <t>シテン</t>
    </rPh>
    <phoneticPr fontId="1"/>
  </si>
  <si>
    <t>神奈川県23清第２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横須賀市森崎二丁目14番７号</t>
    <rPh sb="0" eb="4">
      <t>ヨコスカシ</t>
    </rPh>
    <rPh sb="4" eb="6">
      <t>モリサキ</t>
    </rPh>
    <rPh sb="6" eb="9">
      <t>ニチョウメ</t>
    </rPh>
    <rPh sb="11" eb="12">
      <t>バン</t>
    </rPh>
    <rPh sb="13" eb="14">
      <t>ゴウ</t>
    </rPh>
    <phoneticPr fontId="1"/>
  </si>
  <si>
    <t>(046)874-7955</t>
  </si>
  <si>
    <t>(株)エイ・シー・イー</t>
    <rPh sb="0" eb="3">
      <t>カブシキガイシャ</t>
    </rPh>
    <phoneticPr fontId="1"/>
  </si>
  <si>
    <t>神奈川県22清第12号</t>
    <rPh sb="0" eb="4">
      <t>カナガワケン</t>
    </rPh>
    <rPh sb="6" eb="7">
      <t>セイ</t>
    </rPh>
    <rPh sb="7" eb="8">
      <t>ダイ</t>
    </rPh>
    <rPh sb="10" eb="11">
      <t>ゴウ</t>
    </rPh>
    <phoneticPr fontId="1"/>
  </si>
  <si>
    <t>茅ヶ崎市本村二丁目６番19号</t>
    <rPh sb="0" eb="3">
      <t>チガサキ</t>
    </rPh>
    <rPh sb="3" eb="4">
      <t>シ</t>
    </rPh>
    <rPh sb="4" eb="6">
      <t>ホンソン</t>
    </rPh>
    <rPh sb="6" eb="9">
      <t>２チョウメ</t>
    </rPh>
    <rPh sb="10" eb="11">
      <t>バン</t>
    </rPh>
    <rPh sb="13" eb="14">
      <t>ゴウ</t>
    </rPh>
    <phoneticPr fontId="1"/>
  </si>
  <si>
    <t>253-0042</t>
  </si>
  <si>
    <t>(0467)50-4578</t>
  </si>
  <si>
    <t>(株)サガノ</t>
    <rPh sb="0" eb="3">
      <t>カブシキガイシャ</t>
    </rPh>
    <phoneticPr fontId="1"/>
  </si>
  <si>
    <t>神奈川県22清第10号</t>
    <rPh sb="0" eb="4">
      <t>カナガワケン</t>
    </rPh>
    <rPh sb="6" eb="7">
      <t>セイ</t>
    </rPh>
    <rPh sb="7" eb="8">
      <t>ダイ</t>
    </rPh>
    <rPh sb="10" eb="11">
      <t>ゴウ</t>
    </rPh>
    <phoneticPr fontId="1"/>
  </si>
  <si>
    <t>厚木市妻田西一丁目30番１号201号室</t>
    <rPh sb="0" eb="3">
      <t>アツギシ</t>
    </rPh>
    <rPh sb="3" eb="5">
      <t>ツマダ</t>
    </rPh>
    <rPh sb="5" eb="6">
      <t>ニシ</t>
    </rPh>
    <rPh sb="6" eb="9">
      <t>イッチョウメ</t>
    </rPh>
    <rPh sb="11" eb="12">
      <t>バン</t>
    </rPh>
    <rPh sb="13" eb="14">
      <t>ゴウ</t>
    </rPh>
    <rPh sb="17" eb="19">
      <t>ゴウシツ</t>
    </rPh>
    <phoneticPr fontId="1"/>
  </si>
  <si>
    <t>243-0815</t>
  </si>
  <si>
    <t>(046)205-8896</t>
  </si>
  <si>
    <t>(株)日本ファシリティ</t>
    <rPh sb="0" eb="3">
      <t>カブシキガイシャ</t>
    </rPh>
    <phoneticPr fontId="1"/>
  </si>
  <si>
    <t>神奈川県21清第15号</t>
    <rPh sb="0" eb="4">
      <t>カナガワケン</t>
    </rPh>
    <rPh sb="6" eb="7">
      <t>セイ</t>
    </rPh>
    <rPh sb="7" eb="8">
      <t>ダイ</t>
    </rPh>
    <rPh sb="10" eb="11">
      <t>ゴウ</t>
    </rPh>
    <phoneticPr fontId="1"/>
  </si>
  <si>
    <t>湯河原町土肥３－５－４</t>
    <rPh sb="0" eb="4">
      <t>ユガワラマチ</t>
    </rPh>
    <rPh sb="4" eb="6">
      <t>ドイ</t>
    </rPh>
    <phoneticPr fontId="1"/>
  </si>
  <si>
    <t>259-0303</t>
  </si>
  <si>
    <t>(0465)62-8782</t>
  </si>
  <si>
    <t>(株)Ｆｉｎｅ　Ｗｏｒｋｓ</t>
    <rPh sb="0" eb="3">
      <t>カブ</t>
    </rPh>
    <phoneticPr fontId="1"/>
  </si>
  <si>
    <t>神奈川県21清第13号</t>
    <rPh sb="0" eb="4">
      <t>カナガワケン</t>
    </rPh>
    <rPh sb="6" eb="7">
      <t>セイ</t>
    </rPh>
    <rPh sb="7" eb="8">
      <t>ダイ</t>
    </rPh>
    <rPh sb="10" eb="11">
      <t>ゴウ</t>
    </rPh>
    <phoneticPr fontId="1"/>
  </si>
  <si>
    <t>小田原市南鴨宮３丁目19番８　長田ビル202</t>
    <rPh sb="0" eb="4">
      <t>オダワラシ</t>
    </rPh>
    <rPh sb="4" eb="7">
      <t>ミナミカモノミヤ</t>
    </rPh>
    <rPh sb="8" eb="10">
      <t>チョウメ</t>
    </rPh>
    <rPh sb="12" eb="13">
      <t>バン</t>
    </rPh>
    <rPh sb="15" eb="17">
      <t>オサダ</t>
    </rPh>
    <phoneticPr fontId="1"/>
  </si>
  <si>
    <t>250-0875</t>
  </si>
  <si>
    <t>(0465)27-3723</t>
  </si>
  <si>
    <t>西湘ビルメンテナンス協同組合</t>
    <rPh sb="0" eb="1">
      <t>セイ</t>
    </rPh>
    <rPh sb="1" eb="2">
      <t>ショウ</t>
    </rPh>
    <rPh sb="10" eb="12">
      <t>キョウドウ</t>
    </rPh>
    <rPh sb="12" eb="14">
      <t>クミアイ</t>
    </rPh>
    <phoneticPr fontId="1"/>
  </si>
  <si>
    <t>神奈川県21清第11号</t>
    <rPh sb="0" eb="4">
      <t>カナガワケン</t>
    </rPh>
    <rPh sb="6" eb="7">
      <t>セイ</t>
    </rPh>
    <rPh sb="7" eb="8">
      <t>ダイ</t>
    </rPh>
    <rPh sb="10" eb="11">
      <t>ゴウ</t>
    </rPh>
    <phoneticPr fontId="1"/>
  </si>
  <si>
    <t>平塚市出縄21番地２</t>
    <rPh sb="7" eb="9">
      <t>バンチ</t>
    </rPh>
    <phoneticPr fontId="1"/>
  </si>
  <si>
    <t>254-0915</t>
  </si>
  <si>
    <t>(0463)79-8453</t>
  </si>
  <si>
    <t>(有)ショウエイサービス</t>
  </si>
  <si>
    <t>神奈川県21清第２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座間市入谷西四丁目８番36号</t>
  </si>
  <si>
    <t>252-0029</t>
  </si>
  <si>
    <t>(046)244-5046</t>
  </si>
  <si>
    <t>(株)ミクラビルサービス</t>
  </si>
  <si>
    <t>神奈川県21清第１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（046）220-6111</t>
  </si>
  <si>
    <t>(有)新幸企業</t>
    <rPh sb="3" eb="4">
      <t>シン</t>
    </rPh>
    <rPh sb="4" eb="5">
      <t>シアワ</t>
    </rPh>
    <rPh sb="5" eb="7">
      <t>キギョウ</t>
    </rPh>
    <phoneticPr fontId="1"/>
  </si>
  <si>
    <t>神奈川県20清第５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厚木市戸室一丁目７番15号サンライズ戸室B</t>
    <rPh sb="0" eb="3">
      <t>アツギシ</t>
    </rPh>
    <rPh sb="3" eb="5">
      <t>トムロ</t>
    </rPh>
    <rPh sb="5" eb="8">
      <t>イッチョウメ</t>
    </rPh>
    <rPh sb="9" eb="10">
      <t>バン</t>
    </rPh>
    <rPh sb="12" eb="13">
      <t>ゴウ</t>
    </rPh>
    <rPh sb="18" eb="20">
      <t>トムロ</t>
    </rPh>
    <phoneticPr fontId="1"/>
  </si>
  <si>
    <t>243-0031</t>
  </si>
  <si>
    <t>（046）222-9000</t>
  </si>
  <si>
    <t>(有)グッドフェローズ</t>
  </si>
  <si>
    <t>神奈川県20清第３号</t>
    <rPh sb="0" eb="4">
      <t>カナガワケン</t>
    </rPh>
    <rPh sb="6" eb="7">
      <t>セイ</t>
    </rPh>
    <rPh sb="7" eb="8">
      <t>ダイ</t>
    </rPh>
    <rPh sb="9" eb="10">
      <t>ゴウ</t>
    </rPh>
    <phoneticPr fontId="1"/>
  </si>
  <si>
    <t>藤沢市大鋸一丁目11番14号</t>
    <rPh sb="0" eb="3">
      <t>フジサワシ</t>
    </rPh>
    <rPh sb="3" eb="4">
      <t>オオ</t>
    </rPh>
    <rPh sb="4" eb="5">
      <t>ノコ</t>
    </rPh>
    <rPh sb="5" eb="8">
      <t>イッチョウメ</t>
    </rPh>
    <rPh sb="10" eb="11">
      <t>バン</t>
    </rPh>
    <rPh sb="13" eb="14">
      <t>ゴウ</t>
    </rPh>
    <phoneticPr fontId="1"/>
  </si>
  <si>
    <t>251-0002</t>
  </si>
  <si>
    <t>(0466)26-2866</t>
  </si>
  <si>
    <t>相模美装(株)</t>
    <rPh sb="0" eb="2">
      <t>サガミ</t>
    </rPh>
    <rPh sb="2" eb="4">
      <t>ビソウ</t>
    </rPh>
    <phoneticPr fontId="1"/>
  </si>
  <si>
    <t>神奈川県19清第８号</t>
  </si>
  <si>
    <t>葉山町堀内４８３－１－３１１</t>
  </si>
  <si>
    <t>240-0112</t>
  </si>
  <si>
    <t>（046）876-3712</t>
  </si>
  <si>
    <t>(株)メック</t>
  </si>
  <si>
    <t>神奈川県18清第６号</t>
  </si>
  <si>
    <t>小田原市鴨宮1056</t>
  </si>
  <si>
    <t>250-0874</t>
  </si>
  <si>
    <t>(0465)47-0107</t>
  </si>
  <si>
    <t>昌永産業(株)　小田原営業所</t>
  </si>
  <si>
    <t>神奈川県17清第10号</t>
  </si>
  <si>
    <t>横須賀市池田一丁目７番９号</t>
    <rPh sb="4" eb="6">
      <t>イケダ</t>
    </rPh>
    <rPh sb="6" eb="9">
      <t>イッチョウメ</t>
    </rPh>
    <rPh sb="10" eb="11">
      <t>バン</t>
    </rPh>
    <rPh sb="12" eb="13">
      <t>ゴウ</t>
    </rPh>
    <phoneticPr fontId="1"/>
  </si>
  <si>
    <t>239-0804</t>
  </si>
  <si>
    <t>(046)837-4649</t>
  </si>
  <si>
    <t>(株)クリーンリネスサービス</t>
  </si>
  <si>
    <t>神奈川県17清第８号</t>
  </si>
  <si>
    <t>厚木市愛甲四丁目５番16号</t>
    <rPh sb="5" eb="8">
      <t>４チョウメ</t>
    </rPh>
    <rPh sb="9" eb="10">
      <t>バン</t>
    </rPh>
    <rPh sb="12" eb="13">
      <t>ゴウ</t>
    </rPh>
    <phoneticPr fontId="1"/>
  </si>
  <si>
    <t>243-0035</t>
  </si>
  <si>
    <t>(046)248-0597</t>
  </si>
  <si>
    <t>共栄ビステム(株)</t>
  </si>
  <si>
    <t>神奈川県16清第７号</t>
  </si>
  <si>
    <t>横須賀市追浜南町一丁目28番地</t>
    <rPh sb="8" eb="9">
      <t>イチ</t>
    </rPh>
    <rPh sb="9" eb="11">
      <t>チョウメ</t>
    </rPh>
    <rPh sb="13" eb="15">
      <t>バンチ</t>
    </rPh>
    <phoneticPr fontId="1"/>
  </si>
  <si>
    <t>237-0065</t>
  </si>
  <si>
    <t>(046)866-0129</t>
  </si>
  <si>
    <t>(株)ニッセン</t>
  </si>
  <si>
    <t>神奈川県15清第２号</t>
  </si>
  <si>
    <t>藤沢市村岡東四丁目21番地の５</t>
    <rPh sb="6" eb="9">
      <t>４チョウメ</t>
    </rPh>
    <rPh sb="11" eb="13">
      <t>バンチ</t>
    </rPh>
    <phoneticPr fontId="1"/>
  </si>
  <si>
    <t>251-0012</t>
  </si>
  <si>
    <t>(0466)50-2261</t>
  </si>
  <si>
    <t>(有)工匠</t>
  </si>
  <si>
    <t>神奈川県13清第10号</t>
  </si>
  <si>
    <t>横須賀市小川町14番地１</t>
    <rPh sb="9" eb="11">
      <t>バンチ</t>
    </rPh>
    <phoneticPr fontId="1"/>
  </si>
  <si>
    <t>238-0004</t>
  </si>
  <si>
    <t>(046)820-2400</t>
  </si>
  <si>
    <t>(株)不二テクノ</t>
  </si>
  <si>
    <t>神奈川県12清第17号</t>
  </si>
  <si>
    <t>箱根町湯本茶屋191</t>
  </si>
  <si>
    <t>(0460)85-5300</t>
  </si>
  <si>
    <t>(株)湘南総合サービス</t>
  </si>
  <si>
    <t>神奈川県12清第８号</t>
  </si>
  <si>
    <t>平塚市西真土一丁目２番62号</t>
    <rPh sb="0" eb="3">
      <t>ヒラツカシ</t>
    </rPh>
    <rPh sb="3" eb="4">
      <t>ニシ</t>
    </rPh>
    <rPh sb="4" eb="6">
      <t>マツチ</t>
    </rPh>
    <phoneticPr fontId="1"/>
  </si>
  <si>
    <t>254-0019</t>
  </si>
  <si>
    <t>（0463）34-3145</t>
  </si>
  <si>
    <t>(有)朝日消毒</t>
    <rPh sb="3" eb="5">
      <t>アサヒ</t>
    </rPh>
    <rPh sb="5" eb="7">
      <t>ショウドク</t>
    </rPh>
    <phoneticPr fontId="1"/>
  </si>
  <si>
    <t>神奈川県11清第20号</t>
    <rPh sb="0" eb="4">
      <t>カナガワケン</t>
    </rPh>
    <rPh sb="6" eb="7">
      <t>セイ</t>
    </rPh>
    <rPh sb="7" eb="8">
      <t>ダイ</t>
    </rPh>
    <rPh sb="10" eb="11">
      <t>ゴウ</t>
    </rPh>
    <phoneticPr fontId="1"/>
  </si>
  <si>
    <t>茅ヶ崎市本村四丁目11番12号</t>
    <rPh sb="6" eb="9">
      <t>ヨンチョウメ</t>
    </rPh>
    <rPh sb="11" eb="12">
      <t>バン</t>
    </rPh>
    <rPh sb="14" eb="15">
      <t>ゴウ</t>
    </rPh>
    <phoneticPr fontId="1"/>
  </si>
  <si>
    <t>(0467)54-9199</t>
  </si>
  <si>
    <t>(有)創美企業</t>
  </si>
  <si>
    <t>神奈川県11清第９号</t>
  </si>
  <si>
    <t>平塚市平塚四丁目33番６号</t>
    <rPh sb="5" eb="6">
      <t>ヨン</t>
    </rPh>
    <rPh sb="6" eb="8">
      <t>チョウメ</t>
    </rPh>
    <rPh sb="10" eb="11">
      <t>バン</t>
    </rPh>
    <rPh sb="12" eb="13">
      <t>ゴウ</t>
    </rPh>
    <phoneticPr fontId="1"/>
  </si>
  <si>
    <t>254-0052</t>
  </si>
  <si>
    <t>(0463)35-7654</t>
  </si>
  <si>
    <t>(株)ヤスエコーポレーション</t>
  </si>
  <si>
    <t>神奈川県11清第７号</t>
  </si>
  <si>
    <t>伊勢原市桜台１－17－１ゆたかビル203</t>
    <rPh sb="4" eb="6">
      <t>サクラダイ</t>
    </rPh>
    <phoneticPr fontId="1"/>
  </si>
  <si>
    <t>259-1132</t>
  </si>
  <si>
    <t>(0463)94-3898</t>
  </si>
  <si>
    <t>関東代行(株)</t>
  </si>
  <si>
    <t>神奈川県10清第11号</t>
  </si>
  <si>
    <t>横須賀市池田町四丁目３番20号</t>
    <rPh sb="7" eb="10">
      <t>４チョウメ</t>
    </rPh>
    <rPh sb="11" eb="12">
      <t>バン</t>
    </rPh>
    <rPh sb="14" eb="15">
      <t>ゴウ</t>
    </rPh>
    <phoneticPr fontId="1"/>
  </si>
  <si>
    <t>239-0806</t>
  </si>
  <si>
    <t>(046)833-8041</t>
  </si>
  <si>
    <t>(株)クリーンホーム21</t>
  </si>
  <si>
    <t>神奈川県10清第９号</t>
  </si>
  <si>
    <t>横須賀市浦郷町四丁目12番地</t>
    <rPh sb="7" eb="8">
      <t>４</t>
    </rPh>
    <rPh sb="8" eb="10">
      <t>チョウメ</t>
    </rPh>
    <rPh sb="12" eb="14">
      <t>バンチ</t>
    </rPh>
    <phoneticPr fontId="1"/>
  </si>
  <si>
    <t>237-0062</t>
  </si>
  <si>
    <t>(046)865-3780</t>
  </si>
  <si>
    <t>丸和産業(株)</t>
  </si>
  <si>
    <t>神奈川県10清第５号</t>
  </si>
  <si>
    <t>座間市相武台二丁目39番６号</t>
    <rPh sb="0" eb="3">
      <t>ザマシ</t>
    </rPh>
    <rPh sb="6" eb="9">
      <t>２チョウメ</t>
    </rPh>
    <rPh sb="11" eb="12">
      <t>バン</t>
    </rPh>
    <rPh sb="13" eb="14">
      <t>ゴウ</t>
    </rPh>
    <phoneticPr fontId="1"/>
  </si>
  <si>
    <t>(046)258-0850</t>
  </si>
  <si>
    <t>(株)さくらメンテナンス</t>
  </si>
  <si>
    <t>神奈川県９清第37号</t>
  </si>
  <si>
    <t>大和市つきみ野二丁目１番３号　泰朋ﾋﾞﾙ</t>
    <rPh sb="7" eb="10">
      <t>ニチョウメ</t>
    </rPh>
    <rPh sb="11" eb="12">
      <t>バン</t>
    </rPh>
    <rPh sb="13" eb="14">
      <t>ゴウ</t>
    </rPh>
    <phoneticPr fontId="1"/>
  </si>
  <si>
    <t>(046)275-6732</t>
  </si>
  <si>
    <t>泰朋鉄工(株)</t>
  </si>
  <si>
    <t>神奈川県８清第５号</t>
  </si>
  <si>
    <t>藤沢市辻堂元町五丁目３番８号</t>
    <rPh sb="7" eb="10">
      <t>５チョウメ</t>
    </rPh>
    <rPh sb="11" eb="12">
      <t>バン</t>
    </rPh>
    <rPh sb="13" eb="14">
      <t>ゴウ</t>
    </rPh>
    <phoneticPr fontId="1"/>
  </si>
  <si>
    <t>251-0043</t>
  </si>
  <si>
    <t>(0466)36-4034</t>
  </si>
  <si>
    <t>(有)弘陽エンタープライズ</t>
  </si>
  <si>
    <t>神奈川県７清第５号</t>
  </si>
  <si>
    <t>厚木市酒井2088番地の１８</t>
    <rPh sb="9" eb="11">
      <t>バンチ</t>
    </rPh>
    <phoneticPr fontId="1"/>
  </si>
  <si>
    <t>243-0022</t>
  </si>
  <si>
    <t>(046)228-8490</t>
  </si>
  <si>
    <t>(株)丸美産業</t>
  </si>
  <si>
    <t>神奈川県７清第１号</t>
  </si>
  <si>
    <t>厚木市中町一丁目８番７号ｼﾞｭﾈﾊﾟﾚｽ厚木２－２０１号</t>
  </si>
  <si>
    <t>243-0018</t>
  </si>
  <si>
    <t>(046)224-9800</t>
  </si>
  <si>
    <t>(株)高揚</t>
  </si>
  <si>
    <t>神奈川県６清第15号</t>
  </si>
  <si>
    <t>厚木市岡田１－３－３３</t>
    <rPh sb="0" eb="3">
      <t>アツギシ</t>
    </rPh>
    <rPh sb="3" eb="5">
      <t>オカダ</t>
    </rPh>
    <phoneticPr fontId="1"/>
  </si>
  <si>
    <t>(046)229-6311</t>
  </si>
  <si>
    <t>富士見産業(株)事務センター</t>
  </si>
  <si>
    <t>神奈川県４清第12号</t>
  </si>
  <si>
    <t>伊勢原市石田１０９３－４</t>
    <rPh sb="4" eb="6">
      <t>イシダ</t>
    </rPh>
    <phoneticPr fontId="1"/>
  </si>
  <si>
    <t>259-1116</t>
  </si>
  <si>
    <t>(0463)93-7594</t>
  </si>
  <si>
    <t>(株)山友</t>
  </si>
  <si>
    <t>神奈川県４清第 8号</t>
  </si>
  <si>
    <t>厚木市中町一丁目８番７号　２－２０１</t>
    <rPh sb="5" eb="6">
      <t>1</t>
    </rPh>
    <rPh sb="6" eb="8">
      <t>チョウメ</t>
    </rPh>
    <rPh sb="9" eb="10">
      <t>バン</t>
    </rPh>
    <rPh sb="11" eb="12">
      <t>ゴウ</t>
    </rPh>
    <phoneticPr fontId="1"/>
  </si>
  <si>
    <t>(046)225-4160</t>
  </si>
  <si>
    <t>神奈川県建設総合サービス協同組合</t>
  </si>
  <si>
    <t>神奈川県４清第 5号</t>
  </si>
  <si>
    <t>厚木市飯山南３－５－25</t>
    <rPh sb="0" eb="2">
      <t>アツギ</t>
    </rPh>
    <rPh sb="2" eb="3">
      <t>シ</t>
    </rPh>
    <rPh sb="3" eb="5">
      <t>イイヤマ</t>
    </rPh>
    <rPh sb="5" eb="6">
      <t>ミナミ</t>
    </rPh>
    <phoneticPr fontId="1"/>
  </si>
  <si>
    <t>243-0213</t>
  </si>
  <si>
    <t>(046)205-7679</t>
  </si>
  <si>
    <t>三幸物産(株)</t>
  </si>
  <si>
    <t>神奈川県３清第29号</t>
  </si>
  <si>
    <t>平塚市平塚二丁目24番８号</t>
    <rPh sb="5" eb="6">
      <t>ニ</t>
    </rPh>
    <rPh sb="6" eb="8">
      <t>チョウメ</t>
    </rPh>
    <rPh sb="10" eb="11">
      <t>バン</t>
    </rPh>
    <rPh sb="12" eb="13">
      <t>ゴウ</t>
    </rPh>
    <phoneticPr fontId="1"/>
  </si>
  <si>
    <t>(0463)31-8863</t>
  </si>
  <si>
    <t>(有)杉山産業</t>
  </si>
  <si>
    <t>神奈川県３清第25号</t>
  </si>
  <si>
    <t>厚木市水引一丁目４番６号</t>
    <rPh sb="5" eb="6">
      <t>1</t>
    </rPh>
    <rPh sb="6" eb="8">
      <t>チョウメ</t>
    </rPh>
    <rPh sb="9" eb="10">
      <t>バン</t>
    </rPh>
    <rPh sb="11" eb="12">
      <t>ゴウ</t>
    </rPh>
    <phoneticPr fontId="1"/>
  </si>
  <si>
    <t>(046)224-8661</t>
  </si>
  <si>
    <t>(株)アオイ</t>
  </si>
  <si>
    <t>神奈川県３清第24号</t>
  </si>
  <si>
    <t>小田原市中町１－１－10</t>
    <rPh sb="4" eb="5">
      <t>ナカ</t>
    </rPh>
    <rPh sb="5" eb="6">
      <t>チョウ</t>
    </rPh>
    <phoneticPr fontId="1"/>
  </si>
  <si>
    <t>250-0005</t>
  </si>
  <si>
    <t>(0465)24-9171</t>
  </si>
  <si>
    <t>(株)湘南サービスセンター</t>
  </si>
  <si>
    <t>神奈川県２清第49号</t>
  </si>
  <si>
    <t>伊勢原市上粕屋299</t>
  </si>
  <si>
    <t>259-1141</t>
  </si>
  <si>
    <t>(0463)95-4381</t>
  </si>
  <si>
    <t>秋山興業(株)</t>
  </si>
  <si>
    <t>神奈川県２清第34号</t>
  </si>
  <si>
    <t>平塚市田村一丁目１番７号</t>
    <rPh sb="5" eb="8">
      <t>イッチョウメ</t>
    </rPh>
    <rPh sb="9" eb="10">
      <t>バン</t>
    </rPh>
    <rPh sb="11" eb="12">
      <t>ゴウ</t>
    </rPh>
    <phoneticPr fontId="1"/>
  </si>
  <si>
    <t>254-0013</t>
  </si>
  <si>
    <t>(0463)54-6569</t>
  </si>
  <si>
    <t>(有)ダイヤ企業</t>
  </si>
  <si>
    <t>神奈川県２清第23号</t>
  </si>
  <si>
    <t>横須賀市汐入町四丁目２８番地</t>
    <rPh sb="4" eb="7">
      <t>シオイリチョウ</t>
    </rPh>
    <rPh sb="7" eb="8">
      <t>ヨン</t>
    </rPh>
    <rPh sb="8" eb="10">
      <t>チョウメ</t>
    </rPh>
    <rPh sb="12" eb="14">
      <t>バンチ</t>
    </rPh>
    <phoneticPr fontId="1"/>
  </si>
  <si>
    <t>238-0042</t>
  </si>
  <si>
    <t>(046)825-7180</t>
  </si>
  <si>
    <t>(有)白朝サービス社</t>
  </si>
  <si>
    <t>神奈川県２清第７号</t>
  </si>
  <si>
    <t>厚木市岡田３０８０番地３</t>
    <rPh sb="3" eb="5">
      <t>オカダ</t>
    </rPh>
    <rPh sb="9" eb="11">
      <t>バンチ</t>
    </rPh>
    <phoneticPr fontId="1"/>
  </si>
  <si>
    <t>243-0002</t>
  </si>
  <si>
    <t>(046)220-0501</t>
  </si>
  <si>
    <t>(株)モリサービス</t>
  </si>
  <si>
    <t>神奈川県元清第４号</t>
  </si>
  <si>
    <t>厚木市中町二丁目３番１号</t>
  </si>
  <si>
    <t>(046)224-5559</t>
  </si>
  <si>
    <t>(株)厚木ダイヤプラザ・ビルサービス</t>
  </si>
  <si>
    <t>神奈川県元清第３号</t>
  </si>
  <si>
    <t>営業所所在地</t>
  </si>
  <si>
    <t>郵便番号</t>
  </si>
  <si>
    <t>電話番号</t>
  </si>
  <si>
    <t>営業所名</t>
  </si>
  <si>
    <t>登録番号</t>
  </si>
  <si>
    <t>建築物清掃業　１号登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[&lt;=999]000;000&quot;¥&quot;&quot;¥&quot;\!\!\-0000"/>
    <numFmt numFmtId="177" formatCode="[&lt;=99999999]####&quot;¥&quot;&quot;¥&quot;\!\!\-####;&quot;¥&quot;&quot;¥&quot;\!\!\(000&quot;¥&quot;&quot;¥&quot;\!\!\)&quot;¥&quot;&quot;¥&quot;\!\!\ ###&quot;¥&quot;&quot;¥&quot;\!\!\-####"/>
    <numFmt numFmtId="178" formatCode="[&lt;=99999999]####\-####;\(#000\)###\-####"/>
  </numFmts>
  <fonts count="6" x14ac:knownFonts="1">
    <font>
      <sz val="11"/>
      <color theme="1"/>
      <name val="游ゴシック"/>
      <family val="2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11"/>
      <color rgb="FFFF0000"/>
      <name val="ＭＳ Ｐゴシック"/>
      <family val="3"/>
      <charset val="128"/>
    </font>
    <font>
      <strike/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7">
    <xf numFmtId="0" fontId="0" fillId="0" borderId="0" xfId="0"/>
    <xf numFmtId="0" fontId="1" fillId="0" borderId="0" xfId="0" applyFont="1" applyAlignment="1">
      <alignment vertical="center" shrinkToFit="1"/>
    </xf>
    <xf numFmtId="176" fontId="1" fillId="0" borderId="0" xfId="0" applyNumberFormat="1" applyFont="1" applyAlignment="1">
      <alignment horizontal="center" vertical="center" shrinkToFit="1"/>
    </xf>
    <xf numFmtId="177" fontId="1" fillId="0" borderId="0" xfId="0" applyNumberFormat="1" applyFont="1" applyAlignment="1">
      <alignment horizontal="center" vertical="center" shrinkToFit="1"/>
    </xf>
    <xf numFmtId="0" fontId="1" fillId="0" borderId="1" xfId="0" applyFont="1" applyBorder="1" applyAlignment="1">
      <alignment vertical="center" shrinkToFit="1"/>
    </xf>
    <xf numFmtId="176" fontId="1" fillId="0" borderId="1" xfId="0" applyNumberFormat="1" applyFont="1" applyBorder="1" applyAlignment="1">
      <alignment horizontal="center" vertical="center" shrinkToFit="1"/>
    </xf>
    <xf numFmtId="177" fontId="1" fillId="0" borderId="1" xfId="0" applyNumberFormat="1" applyFont="1" applyBorder="1" applyAlignment="1">
      <alignment horizontal="center" vertical="center" shrinkToFit="1"/>
    </xf>
    <xf numFmtId="0" fontId="3" fillId="0" borderId="0" xfId="0" applyFont="1" applyAlignment="1">
      <alignment vertical="center" shrinkToFit="1"/>
    </xf>
    <xf numFmtId="0" fontId="1" fillId="0" borderId="1" xfId="0" applyFont="1" applyBorder="1" applyAlignment="1">
      <alignment horizontal="center" vertical="center" shrinkToFit="1"/>
    </xf>
    <xf numFmtId="178" fontId="1" fillId="0" borderId="1" xfId="0" applyNumberFormat="1" applyFont="1" applyBorder="1" applyAlignment="1">
      <alignment horizontal="center" vertical="center" wrapText="1" shrinkToFit="1"/>
    </xf>
    <xf numFmtId="0" fontId="1" fillId="0" borderId="1" xfId="0" applyFont="1" applyBorder="1" applyAlignment="1">
      <alignment vertical="center" wrapText="1" shrinkToFit="1"/>
    </xf>
    <xf numFmtId="0" fontId="4" fillId="0" borderId="0" xfId="0" applyFont="1" applyAlignment="1">
      <alignment vertical="center" shrinkToFit="1"/>
    </xf>
    <xf numFmtId="178" fontId="1" fillId="0" borderId="1" xfId="0" applyNumberFormat="1" applyFont="1" applyBorder="1" applyAlignment="1">
      <alignment horizontal="center" vertical="center" shrinkToFit="1"/>
    </xf>
    <xf numFmtId="0" fontId="1" fillId="0" borderId="0" xfId="0" applyFont="1" applyAlignment="1">
      <alignment horizontal="center" vertical="center" shrinkToFit="1"/>
    </xf>
    <xf numFmtId="0" fontId="1" fillId="0" borderId="0" xfId="0" applyFont="1" applyAlignment="1">
      <alignment horizontal="left" vertical="center"/>
    </xf>
    <xf numFmtId="176" fontId="1" fillId="0" borderId="0" xfId="0" applyNumberFormat="1" applyFont="1" applyAlignment="1">
      <alignment horizontal="center" vertical="center"/>
    </xf>
    <xf numFmtId="177" fontId="1" fillId="0" borderId="0" xfId="0" applyNumberFormat="1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5B5F9D-5146-4A60-9B93-31B5338E1A37}">
  <dimension ref="A1:E94"/>
  <sheetViews>
    <sheetView tabSelected="1" workbookViewId="0">
      <selection activeCell="E11" sqref="E11"/>
    </sheetView>
  </sheetViews>
  <sheetFormatPr defaultColWidth="8.09765625" defaultRowHeight="13.2" x14ac:dyDescent="0.45"/>
  <cols>
    <col min="1" max="1" width="17.59765625" style="1" customWidth="1"/>
    <col min="2" max="2" width="30.296875" style="1" customWidth="1"/>
    <col min="3" max="3" width="14.09765625" style="3" customWidth="1"/>
    <col min="4" max="4" width="9.19921875" style="2" customWidth="1"/>
    <col min="5" max="5" width="46.69921875" style="1" customWidth="1"/>
    <col min="6" max="16384" width="8.09765625" style="1"/>
  </cols>
  <sheetData>
    <row r="1" spans="1:5" s="14" customFormat="1" ht="22.8" customHeight="1" x14ac:dyDescent="0.45">
      <c r="A1" s="14" t="s">
        <v>449</v>
      </c>
      <c r="C1" s="16"/>
      <c r="D1" s="15"/>
    </row>
    <row r="2" spans="1:5" s="13" customFormat="1" ht="22.8" customHeight="1" x14ac:dyDescent="0.45">
      <c r="A2" s="8" t="s">
        <v>448</v>
      </c>
      <c r="B2" s="8" t="s">
        <v>447</v>
      </c>
      <c r="C2" s="6" t="s">
        <v>446</v>
      </c>
      <c r="D2" s="5" t="s">
        <v>445</v>
      </c>
      <c r="E2" s="8" t="s">
        <v>444</v>
      </c>
    </row>
    <row r="3" spans="1:5" ht="22.8" customHeight="1" x14ac:dyDescent="0.45">
      <c r="A3" s="4" t="s">
        <v>443</v>
      </c>
      <c r="B3" s="4" t="s">
        <v>442</v>
      </c>
      <c r="C3" s="12" t="s">
        <v>441</v>
      </c>
      <c r="D3" s="5" t="s">
        <v>385</v>
      </c>
      <c r="E3" s="4" t="s">
        <v>440</v>
      </c>
    </row>
    <row r="4" spans="1:5" ht="22.8" customHeight="1" x14ac:dyDescent="0.45">
      <c r="A4" s="4" t="s">
        <v>439</v>
      </c>
      <c r="B4" s="4" t="s">
        <v>438</v>
      </c>
      <c r="C4" s="12" t="s">
        <v>437</v>
      </c>
      <c r="D4" s="5" t="s">
        <v>436</v>
      </c>
      <c r="E4" s="4" t="s">
        <v>435</v>
      </c>
    </row>
    <row r="5" spans="1:5" ht="22.8" customHeight="1" x14ac:dyDescent="0.45">
      <c r="A5" s="4" t="s">
        <v>434</v>
      </c>
      <c r="B5" s="4" t="s">
        <v>433</v>
      </c>
      <c r="C5" s="12" t="s">
        <v>432</v>
      </c>
      <c r="D5" s="5" t="s">
        <v>431</v>
      </c>
      <c r="E5" s="4" t="s">
        <v>430</v>
      </c>
    </row>
    <row r="6" spans="1:5" ht="22.8" customHeight="1" x14ac:dyDescent="0.45">
      <c r="A6" s="4" t="s">
        <v>429</v>
      </c>
      <c r="B6" s="4" t="s">
        <v>428</v>
      </c>
      <c r="C6" s="12" t="s">
        <v>427</v>
      </c>
      <c r="D6" s="5" t="s">
        <v>426</v>
      </c>
      <c r="E6" s="4" t="s">
        <v>425</v>
      </c>
    </row>
    <row r="7" spans="1:5" ht="22.8" customHeight="1" x14ac:dyDescent="0.45">
      <c r="A7" s="4" t="s">
        <v>424</v>
      </c>
      <c r="B7" s="4" t="s">
        <v>423</v>
      </c>
      <c r="C7" s="12" t="s">
        <v>422</v>
      </c>
      <c r="D7" s="5" t="s">
        <v>421</v>
      </c>
      <c r="E7" s="4" t="s">
        <v>420</v>
      </c>
    </row>
    <row r="8" spans="1:5" ht="22.8" customHeight="1" x14ac:dyDescent="0.45">
      <c r="A8" s="4" t="s">
        <v>419</v>
      </c>
      <c r="B8" s="4" t="s">
        <v>418</v>
      </c>
      <c r="C8" s="12" t="s">
        <v>417</v>
      </c>
      <c r="D8" s="5" t="s">
        <v>416</v>
      </c>
      <c r="E8" s="4" t="s">
        <v>415</v>
      </c>
    </row>
    <row r="9" spans="1:5" ht="22.8" customHeight="1" x14ac:dyDescent="0.45">
      <c r="A9" s="4" t="s">
        <v>414</v>
      </c>
      <c r="B9" s="4" t="s">
        <v>413</v>
      </c>
      <c r="C9" s="12" t="s">
        <v>412</v>
      </c>
      <c r="D9" s="5" t="s">
        <v>247</v>
      </c>
      <c r="E9" s="4" t="s">
        <v>411</v>
      </c>
    </row>
    <row r="10" spans="1:5" ht="22.8" customHeight="1" x14ac:dyDescent="0.45">
      <c r="A10" s="4" t="s">
        <v>410</v>
      </c>
      <c r="B10" s="4" t="s">
        <v>409</v>
      </c>
      <c r="C10" s="12" t="s">
        <v>408</v>
      </c>
      <c r="D10" s="5" t="s">
        <v>347</v>
      </c>
      <c r="E10" s="4" t="s">
        <v>407</v>
      </c>
    </row>
    <row r="11" spans="1:5" ht="22.8" customHeight="1" x14ac:dyDescent="0.45">
      <c r="A11" s="4" t="s">
        <v>406</v>
      </c>
      <c r="B11" s="4" t="s">
        <v>405</v>
      </c>
      <c r="C11" s="12" t="s">
        <v>404</v>
      </c>
      <c r="D11" s="5" t="s">
        <v>403</v>
      </c>
      <c r="E11" s="4" t="s">
        <v>402</v>
      </c>
    </row>
    <row r="12" spans="1:5" ht="22.8" customHeight="1" x14ac:dyDescent="0.45">
      <c r="A12" s="4" t="s">
        <v>401</v>
      </c>
      <c r="B12" s="4" t="s">
        <v>400</v>
      </c>
      <c r="C12" s="12" t="s">
        <v>399</v>
      </c>
      <c r="D12" s="5" t="s">
        <v>385</v>
      </c>
      <c r="E12" s="4" t="s">
        <v>398</v>
      </c>
    </row>
    <row r="13" spans="1:5" ht="22.8" customHeight="1" x14ac:dyDescent="0.45">
      <c r="A13" s="4" t="s">
        <v>397</v>
      </c>
      <c r="B13" s="4" t="s">
        <v>396</v>
      </c>
      <c r="C13" s="12" t="s">
        <v>395</v>
      </c>
      <c r="D13" s="5" t="s">
        <v>394</v>
      </c>
      <c r="E13" s="4" t="s">
        <v>393</v>
      </c>
    </row>
    <row r="14" spans="1:5" ht="22.8" customHeight="1" x14ac:dyDescent="0.45">
      <c r="A14" s="4" t="s">
        <v>392</v>
      </c>
      <c r="B14" s="4" t="s">
        <v>391</v>
      </c>
      <c r="C14" s="12" t="s">
        <v>390</v>
      </c>
      <c r="D14" s="5" t="s">
        <v>128</v>
      </c>
      <c r="E14" s="4" t="s">
        <v>389</v>
      </c>
    </row>
    <row r="15" spans="1:5" ht="22.8" customHeight="1" x14ac:dyDescent="0.45">
      <c r="A15" s="4" t="s">
        <v>388</v>
      </c>
      <c r="B15" s="4" t="s">
        <v>387</v>
      </c>
      <c r="C15" s="12" t="s">
        <v>386</v>
      </c>
      <c r="D15" s="5" t="s">
        <v>385</v>
      </c>
      <c r="E15" s="4" t="s">
        <v>384</v>
      </c>
    </row>
    <row r="16" spans="1:5" ht="22.8" customHeight="1" x14ac:dyDescent="0.45">
      <c r="A16" s="4" t="s">
        <v>383</v>
      </c>
      <c r="B16" s="4" t="s">
        <v>382</v>
      </c>
      <c r="C16" s="12" t="s">
        <v>381</v>
      </c>
      <c r="D16" s="5" t="s">
        <v>380</v>
      </c>
      <c r="E16" s="4" t="s">
        <v>379</v>
      </c>
    </row>
    <row r="17" spans="1:5" ht="22.8" customHeight="1" x14ac:dyDescent="0.45">
      <c r="A17" s="4" t="s">
        <v>378</v>
      </c>
      <c r="B17" s="4" t="s">
        <v>377</v>
      </c>
      <c r="C17" s="12" t="s">
        <v>376</v>
      </c>
      <c r="D17" s="5" t="s">
        <v>375</v>
      </c>
      <c r="E17" s="4" t="s">
        <v>374</v>
      </c>
    </row>
    <row r="18" spans="1:5" ht="22.8" customHeight="1" x14ac:dyDescent="0.45">
      <c r="A18" s="4" t="s">
        <v>373</v>
      </c>
      <c r="B18" s="4" t="s">
        <v>372</v>
      </c>
      <c r="C18" s="12" t="s">
        <v>371</v>
      </c>
      <c r="D18" s="5" t="s">
        <v>198</v>
      </c>
      <c r="E18" s="4" t="s">
        <v>370</v>
      </c>
    </row>
    <row r="19" spans="1:5" ht="22.8" customHeight="1" x14ac:dyDescent="0.45">
      <c r="A19" s="4" t="s">
        <v>369</v>
      </c>
      <c r="B19" s="4" t="s">
        <v>368</v>
      </c>
      <c r="C19" s="12" t="s">
        <v>367</v>
      </c>
      <c r="D19" s="5" t="s">
        <v>222</v>
      </c>
      <c r="E19" s="4" t="s">
        <v>366</v>
      </c>
    </row>
    <row r="20" spans="1:5" ht="22.8" customHeight="1" x14ac:dyDescent="0.45">
      <c r="A20" s="4" t="s">
        <v>365</v>
      </c>
      <c r="B20" s="4" t="s">
        <v>364</v>
      </c>
      <c r="C20" s="12" t="s">
        <v>363</v>
      </c>
      <c r="D20" s="5" t="s">
        <v>362</v>
      </c>
      <c r="E20" s="4" t="s">
        <v>361</v>
      </c>
    </row>
    <row r="21" spans="1:5" ht="22.8" customHeight="1" x14ac:dyDescent="0.45">
      <c r="A21" s="4" t="s">
        <v>360</v>
      </c>
      <c r="B21" s="4" t="s">
        <v>359</v>
      </c>
      <c r="C21" s="12" t="s">
        <v>358</v>
      </c>
      <c r="D21" s="5" t="s">
        <v>357</v>
      </c>
      <c r="E21" s="4" t="s">
        <v>356</v>
      </c>
    </row>
    <row r="22" spans="1:5" ht="22.8" customHeight="1" x14ac:dyDescent="0.45">
      <c r="A22" s="4" t="s">
        <v>355</v>
      </c>
      <c r="B22" s="4" t="s">
        <v>354</v>
      </c>
      <c r="C22" s="12" t="s">
        <v>353</v>
      </c>
      <c r="D22" s="5" t="s">
        <v>352</v>
      </c>
      <c r="E22" s="4" t="s">
        <v>351</v>
      </c>
    </row>
    <row r="23" spans="1:5" ht="22.8" customHeight="1" x14ac:dyDescent="0.45">
      <c r="A23" s="4" t="s">
        <v>350</v>
      </c>
      <c r="B23" s="4" t="s">
        <v>349</v>
      </c>
      <c r="C23" s="12" t="s">
        <v>348</v>
      </c>
      <c r="D23" s="5" t="s">
        <v>347</v>
      </c>
      <c r="E23" s="4" t="s">
        <v>346</v>
      </c>
    </row>
    <row r="24" spans="1:5" ht="22.8" customHeight="1" x14ac:dyDescent="0.45">
      <c r="A24" s="4" t="s">
        <v>345</v>
      </c>
      <c r="B24" s="4" t="s">
        <v>344</v>
      </c>
      <c r="C24" s="12" t="s">
        <v>343</v>
      </c>
      <c r="D24" s="5" t="s">
        <v>256</v>
      </c>
      <c r="E24" s="4" t="s">
        <v>342</v>
      </c>
    </row>
    <row r="25" spans="1:5" ht="22.8" customHeight="1" x14ac:dyDescent="0.45">
      <c r="A25" s="4" t="s">
        <v>341</v>
      </c>
      <c r="B25" s="4" t="s">
        <v>340</v>
      </c>
      <c r="C25" s="12" t="s">
        <v>339</v>
      </c>
      <c r="D25" s="5" t="s">
        <v>338</v>
      </c>
      <c r="E25" s="4" t="s">
        <v>337</v>
      </c>
    </row>
    <row r="26" spans="1:5" ht="22.8" customHeight="1" x14ac:dyDescent="0.45">
      <c r="A26" s="4" t="s">
        <v>336</v>
      </c>
      <c r="B26" s="4" t="s">
        <v>335</v>
      </c>
      <c r="C26" s="12" t="s">
        <v>334</v>
      </c>
      <c r="D26" s="5" t="s">
        <v>173</v>
      </c>
      <c r="E26" s="4" t="s">
        <v>333</v>
      </c>
    </row>
    <row r="27" spans="1:5" ht="22.8" customHeight="1" x14ac:dyDescent="0.45">
      <c r="A27" s="4" t="s">
        <v>332</v>
      </c>
      <c r="B27" s="4" t="s">
        <v>331</v>
      </c>
      <c r="C27" s="12" t="s">
        <v>330</v>
      </c>
      <c r="D27" s="5" t="s">
        <v>329</v>
      </c>
      <c r="E27" s="4" t="s">
        <v>328</v>
      </c>
    </row>
    <row r="28" spans="1:5" ht="22.8" customHeight="1" x14ac:dyDescent="0.45">
      <c r="A28" s="4" t="s">
        <v>327</v>
      </c>
      <c r="B28" s="4" t="s">
        <v>326</v>
      </c>
      <c r="C28" s="12" t="s">
        <v>325</v>
      </c>
      <c r="D28" s="5" t="s">
        <v>324</v>
      </c>
      <c r="E28" s="4" t="s">
        <v>323</v>
      </c>
    </row>
    <row r="29" spans="1:5" ht="22.8" customHeight="1" x14ac:dyDescent="0.45">
      <c r="A29" s="4" t="s">
        <v>322</v>
      </c>
      <c r="B29" s="4" t="s">
        <v>321</v>
      </c>
      <c r="C29" s="6" t="s">
        <v>320</v>
      </c>
      <c r="D29" s="5" t="s">
        <v>319</v>
      </c>
      <c r="E29" s="4" t="s">
        <v>318</v>
      </c>
    </row>
    <row r="30" spans="1:5" ht="22.8" customHeight="1" x14ac:dyDescent="0.45">
      <c r="A30" s="4" t="s">
        <v>317</v>
      </c>
      <c r="B30" s="4" t="s">
        <v>316</v>
      </c>
      <c r="C30" s="6" t="s">
        <v>315</v>
      </c>
      <c r="D30" s="5" t="s">
        <v>314</v>
      </c>
      <c r="E30" s="4" t="s">
        <v>313</v>
      </c>
    </row>
    <row r="31" spans="1:5" ht="22.8" customHeight="1" x14ac:dyDescent="0.45">
      <c r="A31" s="4" t="s">
        <v>312</v>
      </c>
      <c r="B31" s="4" t="s">
        <v>311</v>
      </c>
      <c r="C31" s="6" t="s">
        <v>310</v>
      </c>
      <c r="D31" s="5" t="s">
        <v>309</v>
      </c>
      <c r="E31" s="4" t="s">
        <v>308</v>
      </c>
    </row>
    <row r="32" spans="1:5" ht="22.8" customHeight="1" x14ac:dyDescent="0.45">
      <c r="A32" s="4" t="s">
        <v>307</v>
      </c>
      <c r="B32" s="4" t="s">
        <v>306</v>
      </c>
      <c r="C32" s="6" t="s">
        <v>305</v>
      </c>
      <c r="D32" s="5" t="s">
        <v>304</v>
      </c>
      <c r="E32" s="4" t="s">
        <v>303</v>
      </c>
    </row>
    <row r="33" spans="1:5" ht="22.8" customHeight="1" x14ac:dyDescent="0.45">
      <c r="A33" s="4" t="s">
        <v>302</v>
      </c>
      <c r="B33" s="4" t="s">
        <v>301</v>
      </c>
      <c r="C33" s="6" t="s">
        <v>300</v>
      </c>
      <c r="D33" s="5" t="s">
        <v>299</v>
      </c>
      <c r="E33" s="4" t="s">
        <v>298</v>
      </c>
    </row>
    <row r="34" spans="1:5" ht="22.8" customHeight="1" x14ac:dyDescent="0.45">
      <c r="A34" s="4" t="s">
        <v>297</v>
      </c>
      <c r="B34" s="4" t="s">
        <v>296</v>
      </c>
      <c r="C34" s="6" t="s">
        <v>295</v>
      </c>
      <c r="D34" s="5" t="s">
        <v>294</v>
      </c>
      <c r="E34" s="4" t="s">
        <v>293</v>
      </c>
    </row>
    <row r="35" spans="1:5" ht="22.8" customHeight="1" x14ac:dyDescent="0.45">
      <c r="A35" s="4" t="s">
        <v>292</v>
      </c>
      <c r="B35" s="4" t="s">
        <v>291</v>
      </c>
      <c r="C35" s="6" t="s">
        <v>290</v>
      </c>
      <c r="D35" s="5" t="s">
        <v>289</v>
      </c>
      <c r="E35" s="4" t="s">
        <v>288</v>
      </c>
    </row>
    <row r="36" spans="1:5" ht="22.8" customHeight="1" x14ac:dyDescent="0.45">
      <c r="A36" s="4" t="s">
        <v>287</v>
      </c>
      <c r="B36" s="4" t="s">
        <v>286</v>
      </c>
      <c r="C36" s="6" t="s">
        <v>285</v>
      </c>
      <c r="D36" s="5" t="s">
        <v>188</v>
      </c>
      <c r="E36" s="4" t="s">
        <v>187</v>
      </c>
    </row>
    <row r="37" spans="1:5" ht="22.8" customHeight="1" x14ac:dyDescent="0.45">
      <c r="A37" s="4" t="s">
        <v>284</v>
      </c>
      <c r="B37" s="4" t="s">
        <v>283</v>
      </c>
      <c r="C37" s="6" t="s">
        <v>282</v>
      </c>
      <c r="D37" s="5" t="s">
        <v>281</v>
      </c>
      <c r="E37" s="4" t="s">
        <v>280</v>
      </c>
    </row>
    <row r="38" spans="1:5" ht="22.8" customHeight="1" x14ac:dyDescent="0.45">
      <c r="A38" s="4" t="s">
        <v>279</v>
      </c>
      <c r="B38" s="4" t="s">
        <v>278</v>
      </c>
      <c r="C38" s="6" t="s">
        <v>277</v>
      </c>
      <c r="D38" s="5" t="s">
        <v>276</v>
      </c>
      <c r="E38" s="4" t="s">
        <v>275</v>
      </c>
    </row>
    <row r="39" spans="1:5" ht="22.8" customHeight="1" x14ac:dyDescent="0.45">
      <c r="A39" s="4" t="s">
        <v>274</v>
      </c>
      <c r="B39" s="4" t="s">
        <v>273</v>
      </c>
      <c r="C39" s="6" t="s">
        <v>272</v>
      </c>
      <c r="D39" s="5" t="s">
        <v>271</v>
      </c>
      <c r="E39" s="4" t="s">
        <v>270</v>
      </c>
    </row>
    <row r="40" spans="1:5" ht="22.8" customHeight="1" x14ac:dyDescent="0.45">
      <c r="A40" s="4" t="s">
        <v>269</v>
      </c>
      <c r="B40" s="4" t="s">
        <v>268</v>
      </c>
      <c r="C40" s="6" t="s">
        <v>267</v>
      </c>
      <c r="D40" s="5" t="s">
        <v>266</v>
      </c>
      <c r="E40" s="4" t="s">
        <v>265</v>
      </c>
    </row>
    <row r="41" spans="1:5" ht="22.8" customHeight="1" x14ac:dyDescent="0.45">
      <c r="A41" s="4" t="s">
        <v>264</v>
      </c>
      <c r="B41" s="4" t="s">
        <v>263</v>
      </c>
      <c r="C41" s="6" t="s">
        <v>262</v>
      </c>
      <c r="D41" s="5" t="s">
        <v>261</v>
      </c>
      <c r="E41" s="4" t="s">
        <v>260</v>
      </c>
    </row>
    <row r="42" spans="1:5" s="11" customFormat="1" ht="22.8" customHeight="1" x14ac:dyDescent="0.45">
      <c r="A42" s="4" t="s">
        <v>259</v>
      </c>
      <c r="B42" s="4" t="s">
        <v>258</v>
      </c>
      <c r="C42" s="6" t="s">
        <v>257</v>
      </c>
      <c r="D42" s="5" t="s">
        <v>256</v>
      </c>
      <c r="E42" s="4" t="s">
        <v>255</v>
      </c>
    </row>
    <row r="43" spans="1:5" ht="22.8" customHeight="1" x14ac:dyDescent="0.45">
      <c r="A43" s="4" t="s">
        <v>254</v>
      </c>
      <c r="B43" s="4" t="s">
        <v>253</v>
      </c>
      <c r="C43" s="6" t="s">
        <v>252</v>
      </c>
      <c r="D43" s="5" t="s">
        <v>73</v>
      </c>
      <c r="E43" s="4" t="s">
        <v>251</v>
      </c>
    </row>
    <row r="44" spans="1:5" ht="22.8" customHeight="1" x14ac:dyDescent="0.45">
      <c r="A44" s="4" t="s">
        <v>250</v>
      </c>
      <c r="B44" s="4" t="s">
        <v>249</v>
      </c>
      <c r="C44" s="6" t="s">
        <v>248</v>
      </c>
      <c r="D44" s="5" t="s">
        <v>247</v>
      </c>
      <c r="E44" s="4" t="s">
        <v>246</v>
      </c>
    </row>
    <row r="45" spans="1:5" ht="22.8" customHeight="1" x14ac:dyDescent="0.45">
      <c r="A45" s="4" t="s">
        <v>245</v>
      </c>
      <c r="B45" s="4" t="s">
        <v>244</v>
      </c>
      <c r="C45" s="6" t="s">
        <v>243</v>
      </c>
      <c r="D45" s="5" t="s">
        <v>242</v>
      </c>
      <c r="E45" s="4" t="s">
        <v>241</v>
      </c>
    </row>
    <row r="46" spans="1:5" ht="22.8" customHeight="1" x14ac:dyDescent="0.45">
      <c r="A46" s="4" t="s">
        <v>240</v>
      </c>
      <c r="B46" s="4" t="s">
        <v>239</v>
      </c>
      <c r="C46" s="6" t="s">
        <v>238</v>
      </c>
      <c r="D46" s="5" t="s">
        <v>237</v>
      </c>
      <c r="E46" s="4" t="s">
        <v>236</v>
      </c>
    </row>
    <row r="47" spans="1:5" ht="22.8" customHeight="1" x14ac:dyDescent="0.45">
      <c r="A47" s="4" t="s">
        <v>235</v>
      </c>
      <c r="B47" s="4" t="s">
        <v>234</v>
      </c>
      <c r="C47" s="6" t="s">
        <v>233</v>
      </c>
      <c r="D47" s="5" t="s">
        <v>232</v>
      </c>
      <c r="E47" s="4" t="s">
        <v>231</v>
      </c>
    </row>
    <row r="48" spans="1:5" ht="22.8" customHeight="1" x14ac:dyDescent="0.45">
      <c r="A48" s="4" t="s">
        <v>230</v>
      </c>
      <c r="B48" s="4" t="s">
        <v>229</v>
      </c>
      <c r="C48" s="6" t="s">
        <v>228</v>
      </c>
      <c r="D48" s="5" t="s">
        <v>227</v>
      </c>
      <c r="E48" s="4" t="s">
        <v>226</v>
      </c>
    </row>
    <row r="49" spans="1:5" ht="22.8" customHeight="1" x14ac:dyDescent="0.45">
      <c r="A49" s="4" t="s">
        <v>225</v>
      </c>
      <c r="B49" s="4" t="s">
        <v>224</v>
      </c>
      <c r="C49" s="6" t="s">
        <v>223</v>
      </c>
      <c r="D49" s="5" t="s">
        <v>222</v>
      </c>
      <c r="E49" s="4" t="s">
        <v>221</v>
      </c>
    </row>
    <row r="50" spans="1:5" ht="22.8" customHeight="1" x14ac:dyDescent="0.45">
      <c r="A50" s="4" t="s">
        <v>220</v>
      </c>
      <c r="B50" s="4" t="s">
        <v>219</v>
      </c>
      <c r="C50" s="6" t="s">
        <v>218</v>
      </c>
      <c r="D50" s="5" t="s">
        <v>217</v>
      </c>
      <c r="E50" s="4" t="s">
        <v>216</v>
      </c>
    </row>
    <row r="51" spans="1:5" ht="22.8" customHeight="1" x14ac:dyDescent="0.45">
      <c r="A51" s="4" t="s">
        <v>215</v>
      </c>
      <c r="B51" s="4" t="s">
        <v>214</v>
      </c>
      <c r="C51" s="6" t="s">
        <v>213</v>
      </c>
      <c r="D51" s="5" t="s">
        <v>212</v>
      </c>
      <c r="E51" s="4" t="s">
        <v>211</v>
      </c>
    </row>
    <row r="52" spans="1:5" ht="22.8" customHeight="1" x14ac:dyDescent="0.45">
      <c r="A52" s="4" t="s">
        <v>210</v>
      </c>
      <c r="B52" s="4" t="s">
        <v>209</v>
      </c>
      <c r="C52" s="6" t="s">
        <v>208</v>
      </c>
      <c r="D52" s="5" t="s">
        <v>88</v>
      </c>
      <c r="E52" s="4" t="s">
        <v>207</v>
      </c>
    </row>
    <row r="53" spans="1:5" ht="22.8" customHeight="1" x14ac:dyDescent="0.45">
      <c r="A53" s="4" t="s">
        <v>206</v>
      </c>
      <c r="B53" s="4" t="s">
        <v>205</v>
      </c>
      <c r="C53" s="6" t="s">
        <v>204</v>
      </c>
      <c r="D53" s="5" t="s">
        <v>203</v>
      </c>
      <c r="E53" s="4" t="s">
        <v>202</v>
      </c>
    </row>
    <row r="54" spans="1:5" ht="22.8" customHeight="1" x14ac:dyDescent="0.45">
      <c r="A54" s="4" t="s">
        <v>201</v>
      </c>
      <c r="B54" s="4" t="s">
        <v>200</v>
      </c>
      <c r="C54" s="6" t="s">
        <v>199</v>
      </c>
      <c r="D54" s="5" t="s">
        <v>198</v>
      </c>
      <c r="E54" s="4" t="s">
        <v>197</v>
      </c>
    </row>
    <row r="55" spans="1:5" ht="22.8" customHeight="1" x14ac:dyDescent="0.45">
      <c r="A55" s="4" t="s">
        <v>196</v>
      </c>
      <c r="B55" s="4" t="s">
        <v>195</v>
      </c>
      <c r="C55" s="6" t="s">
        <v>194</v>
      </c>
      <c r="D55" s="5" t="s">
        <v>193</v>
      </c>
      <c r="E55" s="4" t="s">
        <v>192</v>
      </c>
    </row>
    <row r="56" spans="1:5" ht="22.8" customHeight="1" x14ac:dyDescent="0.45">
      <c r="A56" s="4" t="s">
        <v>191</v>
      </c>
      <c r="B56" s="4" t="s">
        <v>190</v>
      </c>
      <c r="C56" s="6" t="s">
        <v>189</v>
      </c>
      <c r="D56" s="5" t="s">
        <v>188</v>
      </c>
      <c r="E56" s="4" t="s">
        <v>187</v>
      </c>
    </row>
    <row r="57" spans="1:5" ht="22.8" customHeight="1" x14ac:dyDescent="0.45">
      <c r="A57" s="4" t="s">
        <v>186</v>
      </c>
      <c r="B57" s="4" t="s">
        <v>185</v>
      </c>
      <c r="C57" s="6" t="s">
        <v>184</v>
      </c>
      <c r="D57" s="5" t="s">
        <v>183</v>
      </c>
      <c r="E57" s="4" t="s">
        <v>182</v>
      </c>
    </row>
    <row r="58" spans="1:5" ht="22.8" customHeight="1" x14ac:dyDescent="0.45">
      <c r="A58" s="4" t="s">
        <v>181</v>
      </c>
      <c r="B58" s="4" t="s">
        <v>180</v>
      </c>
      <c r="C58" s="6" t="s">
        <v>179</v>
      </c>
      <c r="D58" s="5" t="s">
        <v>178</v>
      </c>
      <c r="E58" s="4" t="s">
        <v>177</v>
      </c>
    </row>
    <row r="59" spans="1:5" ht="22.8" customHeight="1" x14ac:dyDescent="0.45">
      <c r="A59" s="4" t="s">
        <v>176</v>
      </c>
      <c r="B59" s="4" t="s">
        <v>175</v>
      </c>
      <c r="C59" s="6" t="s">
        <v>174</v>
      </c>
      <c r="D59" s="5" t="s">
        <v>173</v>
      </c>
      <c r="E59" s="4" t="s">
        <v>172</v>
      </c>
    </row>
    <row r="60" spans="1:5" ht="22.8" customHeight="1" x14ac:dyDescent="0.45">
      <c r="A60" s="4" t="s">
        <v>171</v>
      </c>
      <c r="B60" s="4" t="s">
        <v>170</v>
      </c>
      <c r="C60" s="6" t="s">
        <v>169</v>
      </c>
      <c r="D60" s="5" t="s">
        <v>168</v>
      </c>
      <c r="E60" s="4" t="s">
        <v>167</v>
      </c>
    </row>
    <row r="61" spans="1:5" ht="22.8" customHeight="1" x14ac:dyDescent="0.45">
      <c r="A61" s="4" t="s">
        <v>166</v>
      </c>
      <c r="B61" s="4" t="s">
        <v>165</v>
      </c>
      <c r="C61" s="6" t="s">
        <v>164</v>
      </c>
      <c r="D61" s="5" t="s">
        <v>163</v>
      </c>
      <c r="E61" s="4" t="s">
        <v>162</v>
      </c>
    </row>
    <row r="62" spans="1:5" ht="22.8" customHeight="1" x14ac:dyDescent="0.45">
      <c r="A62" s="4" t="s">
        <v>161</v>
      </c>
      <c r="B62" s="4" t="s">
        <v>160</v>
      </c>
      <c r="C62" s="6" t="s">
        <v>159</v>
      </c>
      <c r="D62" s="5" t="s">
        <v>158</v>
      </c>
      <c r="E62" s="4" t="s">
        <v>157</v>
      </c>
    </row>
    <row r="63" spans="1:5" ht="22.8" customHeight="1" x14ac:dyDescent="0.45">
      <c r="A63" s="4" t="s">
        <v>156</v>
      </c>
      <c r="B63" s="4" t="s">
        <v>155</v>
      </c>
      <c r="C63" s="6" t="s">
        <v>154</v>
      </c>
      <c r="D63" s="8" t="s">
        <v>153</v>
      </c>
      <c r="E63" s="4" t="s">
        <v>152</v>
      </c>
    </row>
    <row r="64" spans="1:5" ht="22.8" customHeight="1" x14ac:dyDescent="0.45">
      <c r="A64" s="4" t="s">
        <v>151</v>
      </c>
      <c r="B64" s="4" t="s">
        <v>150</v>
      </c>
      <c r="C64" s="6" t="s">
        <v>149</v>
      </c>
      <c r="D64" s="8" t="s">
        <v>148</v>
      </c>
      <c r="E64" s="4" t="s">
        <v>147</v>
      </c>
    </row>
    <row r="65" spans="1:5" ht="22.8" customHeight="1" x14ac:dyDescent="0.45">
      <c r="A65" s="4" t="s">
        <v>146</v>
      </c>
      <c r="B65" s="4" t="s">
        <v>145</v>
      </c>
      <c r="C65" s="6" t="s">
        <v>144</v>
      </c>
      <c r="D65" s="8" t="s">
        <v>143</v>
      </c>
      <c r="E65" s="4" t="s">
        <v>142</v>
      </c>
    </row>
    <row r="66" spans="1:5" ht="22.8" customHeight="1" x14ac:dyDescent="0.45">
      <c r="A66" s="4" t="s">
        <v>141</v>
      </c>
      <c r="B66" s="10" t="s">
        <v>140</v>
      </c>
      <c r="C66" s="6" t="s">
        <v>139</v>
      </c>
      <c r="D66" s="8" t="s">
        <v>138</v>
      </c>
      <c r="E66" s="4" t="s">
        <v>137</v>
      </c>
    </row>
    <row r="67" spans="1:5" ht="22.8" customHeight="1" x14ac:dyDescent="0.45">
      <c r="A67" s="4" t="s">
        <v>136</v>
      </c>
      <c r="B67" s="10" t="s">
        <v>135</v>
      </c>
      <c r="C67" s="6" t="s">
        <v>134</v>
      </c>
      <c r="D67" s="8" t="s">
        <v>133</v>
      </c>
      <c r="E67" s="10" t="s">
        <v>132</v>
      </c>
    </row>
    <row r="68" spans="1:5" ht="22.8" customHeight="1" x14ac:dyDescent="0.45">
      <c r="A68" s="4" t="s">
        <v>131</v>
      </c>
      <c r="B68" s="10" t="s">
        <v>130</v>
      </c>
      <c r="C68" s="6" t="s">
        <v>129</v>
      </c>
      <c r="D68" s="8" t="s">
        <v>128</v>
      </c>
      <c r="E68" s="10" t="s">
        <v>127</v>
      </c>
    </row>
    <row r="69" spans="1:5" ht="22.8" customHeight="1" x14ac:dyDescent="0.45">
      <c r="A69" s="4" t="s">
        <v>126</v>
      </c>
      <c r="B69" s="10" t="s">
        <v>125</v>
      </c>
      <c r="C69" s="6" t="s">
        <v>124</v>
      </c>
      <c r="D69" s="8" t="s">
        <v>123</v>
      </c>
      <c r="E69" s="10" t="s">
        <v>122</v>
      </c>
    </row>
    <row r="70" spans="1:5" ht="22.8" customHeight="1" x14ac:dyDescent="0.45">
      <c r="A70" s="4" t="s">
        <v>121</v>
      </c>
      <c r="B70" s="10" t="s">
        <v>120</v>
      </c>
      <c r="C70" s="6" t="s">
        <v>119</v>
      </c>
      <c r="D70" s="8" t="s">
        <v>118</v>
      </c>
      <c r="E70" s="10" t="s">
        <v>117</v>
      </c>
    </row>
    <row r="71" spans="1:5" ht="22.8" customHeight="1" x14ac:dyDescent="0.45">
      <c r="A71" s="4" t="s">
        <v>116</v>
      </c>
      <c r="B71" s="10" t="s">
        <v>115</v>
      </c>
      <c r="C71" s="6" t="s">
        <v>114</v>
      </c>
      <c r="D71" s="8" t="s">
        <v>113</v>
      </c>
      <c r="E71" s="10" t="s">
        <v>112</v>
      </c>
    </row>
    <row r="72" spans="1:5" ht="22.8" customHeight="1" x14ac:dyDescent="0.45">
      <c r="A72" s="4" t="s">
        <v>111</v>
      </c>
      <c r="B72" s="4" t="s">
        <v>110</v>
      </c>
      <c r="C72" s="6" t="s">
        <v>109</v>
      </c>
      <c r="D72" s="5" t="s">
        <v>108</v>
      </c>
      <c r="E72" s="4" t="s">
        <v>107</v>
      </c>
    </row>
    <row r="73" spans="1:5" ht="22.8" customHeight="1" x14ac:dyDescent="0.45">
      <c r="A73" s="4" t="s">
        <v>106</v>
      </c>
      <c r="B73" s="4" t="s">
        <v>105</v>
      </c>
      <c r="C73" s="6" t="s">
        <v>104</v>
      </c>
      <c r="D73" s="5" t="s">
        <v>103</v>
      </c>
      <c r="E73" s="4" t="s">
        <v>102</v>
      </c>
    </row>
    <row r="74" spans="1:5" ht="22.8" customHeight="1" x14ac:dyDescent="0.45">
      <c r="A74" s="4" t="s">
        <v>101</v>
      </c>
      <c r="B74" s="4" t="s">
        <v>100</v>
      </c>
      <c r="C74" s="6" t="s">
        <v>99</v>
      </c>
      <c r="D74" s="5" t="s">
        <v>98</v>
      </c>
      <c r="E74" s="4" t="s">
        <v>97</v>
      </c>
    </row>
    <row r="75" spans="1:5" ht="22.8" customHeight="1" x14ac:dyDescent="0.45">
      <c r="A75" s="4" t="s">
        <v>96</v>
      </c>
      <c r="B75" s="10" t="s">
        <v>95</v>
      </c>
      <c r="C75" s="9" t="s">
        <v>94</v>
      </c>
      <c r="D75" s="8" t="s">
        <v>93</v>
      </c>
      <c r="E75" s="4" t="s">
        <v>92</v>
      </c>
    </row>
    <row r="76" spans="1:5" ht="22.8" customHeight="1" x14ac:dyDescent="0.45">
      <c r="A76" s="4" t="s">
        <v>91</v>
      </c>
      <c r="B76" s="10" t="s">
        <v>90</v>
      </c>
      <c r="C76" s="9" t="s">
        <v>89</v>
      </c>
      <c r="D76" s="8" t="s">
        <v>88</v>
      </c>
      <c r="E76" s="4" t="s">
        <v>87</v>
      </c>
    </row>
    <row r="77" spans="1:5" ht="22.8" customHeight="1" x14ac:dyDescent="0.45">
      <c r="A77" s="4" t="s">
        <v>86</v>
      </c>
      <c r="B77" s="10" t="s">
        <v>85</v>
      </c>
      <c r="C77" s="9" t="s">
        <v>84</v>
      </c>
      <c r="D77" s="8" t="s">
        <v>83</v>
      </c>
      <c r="E77" s="4" t="s">
        <v>82</v>
      </c>
    </row>
    <row r="78" spans="1:5" ht="22.8" customHeight="1" x14ac:dyDescent="0.45">
      <c r="A78" s="4" t="s">
        <v>81</v>
      </c>
      <c r="B78" s="10" t="s">
        <v>80</v>
      </c>
      <c r="C78" s="9" t="s">
        <v>79</v>
      </c>
      <c r="D78" s="8" t="s">
        <v>78</v>
      </c>
      <c r="E78" s="4" t="s">
        <v>77</v>
      </c>
    </row>
    <row r="79" spans="1:5" ht="22.8" customHeight="1" x14ac:dyDescent="0.45">
      <c r="A79" s="4" t="s">
        <v>76</v>
      </c>
      <c r="B79" s="10" t="s">
        <v>75</v>
      </c>
      <c r="C79" s="9" t="s">
        <v>74</v>
      </c>
      <c r="D79" s="8" t="s">
        <v>73</v>
      </c>
      <c r="E79" s="4" t="s">
        <v>72</v>
      </c>
    </row>
    <row r="80" spans="1:5" ht="22.8" customHeight="1" x14ac:dyDescent="0.45">
      <c r="A80" s="4" t="s">
        <v>71</v>
      </c>
      <c r="B80" s="10" t="s">
        <v>70</v>
      </c>
      <c r="C80" s="9" t="s">
        <v>69</v>
      </c>
      <c r="D80" s="8" t="s">
        <v>68</v>
      </c>
      <c r="E80" s="4" t="s">
        <v>67</v>
      </c>
    </row>
    <row r="81" spans="1:5" ht="22.8" customHeight="1" x14ac:dyDescent="0.45">
      <c r="A81" s="4" t="s">
        <v>66</v>
      </c>
      <c r="B81" s="10" t="s">
        <v>65</v>
      </c>
      <c r="C81" s="9" t="s">
        <v>7</v>
      </c>
      <c r="D81" s="8" t="s">
        <v>6</v>
      </c>
      <c r="E81" s="4" t="s">
        <v>64</v>
      </c>
    </row>
    <row r="82" spans="1:5" ht="22.8" customHeight="1" x14ac:dyDescent="0.45">
      <c r="A82" s="4" t="s">
        <v>63</v>
      </c>
      <c r="B82" s="10" t="s">
        <v>62</v>
      </c>
      <c r="C82" s="9" t="s">
        <v>61</v>
      </c>
      <c r="D82" s="8" t="s">
        <v>60</v>
      </c>
      <c r="E82" s="4" t="s">
        <v>59</v>
      </c>
    </row>
    <row r="83" spans="1:5" ht="22.8" customHeight="1" x14ac:dyDescent="0.45">
      <c r="A83" s="4" t="s">
        <v>58</v>
      </c>
      <c r="B83" s="4" t="s">
        <v>57</v>
      </c>
      <c r="C83" s="6" t="s">
        <v>56</v>
      </c>
      <c r="D83" s="5" t="s">
        <v>55</v>
      </c>
      <c r="E83" s="4" t="s">
        <v>54</v>
      </c>
    </row>
    <row r="84" spans="1:5" ht="22.8" customHeight="1" x14ac:dyDescent="0.45">
      <c r="A84" s="4" t="s">
        <v>53</v>
      </c>
      <c r="B84" s="4" t="s">
        <v>52</v>
      </c>
      <c r="C84" s="6" t="s">
        <v>51</v>
      </c>
      <c r="D84" s="5" t="s">
        <v>50</v>
      </c>
      <c r="E84" s="4" t="s">
        <v>49</v>
      </c>
    </row>
    <row r="85" spans="1:5" ht="22.8" customHeight="1" x14ac:dyDescent="0.45">
      <c r="A85" s="4" t="s">
        <v>48</v>
      </c>
      <c r="B85" s="4" t="s">
        <v>47</v>
      </c>
      <c r="C85" s="6" t="s">
        <v>46</v>
      </c>
      <c r="D85" s="5" t="s">
        <v>41</v>
      </c>
      <c r="E85" s="4" t="s">
        <v>45</v>
      </c>
    </row>
    <row r="86" spans="1:5" s="7" customFormat="1" ht="22.8" customHeight="1" x14ac:dyDescent="0.45">
      <c r="A86" s="4" t="s">
        <v>44</v>
      </c>
      <c r="B86" s="4" t="s">
        <v>43</v>
      </c>
      <c r="C86" s="6" t="s">
        <v>42</v>
      </c>
      <c r="D86" s="5" t="s">
        <v>41</v>
      </c>
      <c r="E86" s="4" t="s">
        <v>40</v>
      </c>
    </row>
    <row r="87" spans="1:5" s="7" customFormat="1" ht="22.8" customHeight="1" x14ac:dyDescent="0.45">
      <c r="A87" s="4" t="s">
        <v>39</v>
      </c>
      <c r="B87" s="4" t="s">
        <v>38</v>
      </c>
      <c r="C87" s="6" t="s">
        <v>37</v>
      </c>
      <c r="D87" s="5" t="s">
        <v>36</v>
      </c>
      <c r="E87" s="4" t="s">
        <v>35</v>
      </c>
    </row>
    <row r="88" spans="1:5" s="7" customFormat="1" ht="22.8" customHeight="1" x14ac:dyDescent="0.45">
      <c r="A88" s="4" t="s">
        <v>34</v>
      </c>
      <c r="B88" s="4" t="s">
        <v>33</v>
      </c>
      <c r="C88" s="6" t="s">
        <v>32</v>
      </c>
      <c r="D88" s="5" t="s">
        <v>31</v>
      </c>
      <c r="E88" s="4" t="s">
        <v>30</v>
      </c>
    </row>
    <row r="89" spans="1:5" s="7" customFormat="1" ht="22.8" customHeight="1" x14ac:dyDescent="0.45">
      <c r="A89" s="4" t="s">
        <v>29</v>
      </c>
      <c r="B89" s="4" t="s">
        <v>28</v>
      </c>
      <c r="C89" s="6" t="s">
        <v>27</v>
      </c>
      <c r="D89" s="5" t="s">
        <v>26</v>
      </c>
      <c r="E89" s="4" t="s">
        <v>25</v>
      </c>
    </row>
    <row r="90" spans="1:5" s="7" customFormat="1" ht="22.8" customHeight="1" x14ac:dyDescent="0.45">
      <c r="A90" s="4" t="s">
        <v>24</v>
      </c>
      <c r="B90" s="4" t="s">
        <v>23</v>
      </c>
      <c r="C90" s="6" t="s">
        <v>22</v>
      </c>
      <c r="D90" s="5" t="s">
        <v>21</v>
      </c>
      <c r="E90" s="4" t="s">
        <v>20</v>
      </c>
    </row>
    <row r="91" spans="1:5" s="7" customFormat="1" ht="22.8" customHeight="1" x14ac:dyDescent="0.45">
      <c r="A91" s="4" t="s">
        <v>19</v>
      </c>
      <c r="B91" s="4" t="s">
        <v>18</v>
      </c>
      <c r="C91" s="6" t="s">
        <v>17</v>
      </c>
      <c r="D91" s="5" t="s">
        <v>16</v>
      </c>
      <c r="E91" s="4" t="s">
        <v>15</v>
      </c>
    </row>
    <row r="92" spans="1:5" s="7" customFormat="1" ht="22.8" customHeight="1" x14ac:dyDescent="0.45">
      <c r="A92" s="4" t="s">
        <v>14</v>
      </c>
      <c r="B92" s="4" t="s">
        <v>13</v>
      </c>
      <c r="C92" s="6" t="s">
        <v>12</v>
      </c>
      <c r="D92" s="5" t="s">
        <v>11</v>
      </c>
      <c r="E92" s="4" t="s">
        <v>10</v>
      </c>
    </row>
    <row r="93" spans="1:5" s="7" customFormat="1" ht="22.8" customHeight="1" x14ac:dyDescent="0.45">
      <c r="A93" s="4" t="s">
        <v>9</v>
      </c>
      <c r="B93" s="4" t="s">
        <v>8</v>
      </c>
      <c r="C93" s="6" t="s">
        <v>7</v>
      </c>
      <c r="D93" s="5" t="s">
        <v>6</v>
      </c>
      <c r="E93" s="4" t="s">
        <v>5</v>
      </c>
    </row>
    <row r="94" spans="1:5" ht="22.8" customHeight="1" x14ac:dyDescent="0.45">
      <c r="A94" s="4" t="s">
        <v>4</v>
      </c>
      <c r="B94" s="4" t="s">
        <v>3</v>
      </c>
      <c r="C94" s="6" t="s">
        <v>2</v>
      </c>
      <c r="D94" s="5" t="s">
        <v>1</v>
      </c>
      <c r="E94" s="4" t="s">
        <v>0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orientation="landscape" useFirstPageNumber="1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１号(清)登録</vt:lpstr>
      <vt:lpstr>'１号(清)登録'!Print_Area</vt:lpstr>
      <vt:lpstr>'１号(清)登録'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10-23T04:15:21Z</dcterms:created>
  <dcterms:modified xsi:type="dcterms:W3CDTF">2025-10-23T04:17:06Z</dcterms:modified>
</cp:coreProperties>
</file>